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tables/table1.xml" ContentType="application/vnd.openxmlformats-officedocument.spreadsheetml.tab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6022\Desktop\Body Cam State Reports\"/>
    </mc:Choice>
  </mc:AlternateContent>
  <bookViews>
    <workbookView xWindow="0" yWindow="0" windowWidth="19200" windowHeight="7050"/>
  </bookViews>
  <sheets>
    <sheet name="Sheet1" sheetId="1" r:id="rId1"/>
    <sheet name="Sheet2" sheetId="2" r:id="rId2"/>
    <sheet name="Sheet3" sheetId="3" r:id="rId3"/>
  </sheets>
  <calcPr calcId="124519"/>
</workbook>
</file>

<file path=xl/sharedStrings.xml><?xml version="1.0" encoding="utf-8"?>
<sst xmlns="http://schemas.openxmlformats.org/spreadsheetml/2006/main" count="1369" uniqueCount="820">
  <si>
    <t>DATE</t>
  </si>
  <si>
    <t>TIME</t>
  </si>
  <si>
    <t>LOCATION</t>
  </si>
  <si>
    <t>OFFENSE</t>
  </si>
  <si>
    <t>ILCS CITATION OR ORDINANCE NUMBER</t>
  </si>
  <si>
    <t>DATE CHARGES FILED</t>
  </si>
  <si>
    <t>DISPOSITION (If Known)</t>
  </si>
  <si>
    <t>CASE NUMBER</t>
  </si>
  <si>
    <t>PARTY NAMES</t>
  </si>
  <si>
    <t>Rock Island County Sheriff's Office</t>
  </si>
  <si>
    <t>Pending</t>
  </si>
  <si>
    <t>DUI</t>
  </si>
  <si>
    <t>Guilty</t>
  </si>
  <si>
    <t>BODY CAMERA REPORT to ILETSB</t>
  </si>
  <si>
    <t>720 ILCS 5/19-3</t>
  </si>
  <si>
    <t>Dismissed</t>
  </si>
  <si>
    <t>Domestic Battery</t>
  </si>
  <si>
    <t>720 ILCS 5/12-3.2</t>
  </si>
  <si>
    <t>Meko Brown</t>
  </si>
  <si>
    <t>Battery</t>
  </si>
  <si>
    <t>Poss of Meth</t>
  </si>
  <si>
    <t>720 ILCS 646/60</t>
  </si>
  <si>
    <t>625 ILCS 5/6-303</t>
  </si>
  <si>
    <t>N/A</t>
  </si>
  <si>
    <t>306 2nd Av Carbon Cliff</t>
  </si>
  <si>
    <t>Lindsey Golden</t>
  </si>
  <si>
    <t>430 ILCS 65/2</t>
  </si>
  <si>
    <t>720 ILCS 5/12-3</t>
  </si>
  <si>
    <t>720 ILCS 570/402</t>
  </si>
  <si>
    <t>304 7th St W Andalusia</t>
  </si>
  <si>
    <t>Agg Battery</t>
  </si>
  <si>
    <t>Justice Hill</t>
  </si>
  <si>
    <t>730 ILCS 150/6</t>
  </si>
  <si>
    <t>Resisting</t>
  </si>
  <si>
    <t>720 ILCS 5/31-1</t>
  </si>
  <si>
    <t>1940 W 1st St Milan</t>
  </si>
  <si>
    <t>Anthony Althiser</t>
  </si>
  <si>
    <t>Elizabeth Daily</t>
  </si>
  <si>
    <t>720 ILCS 5/12-3.4</t>
  </si>
  <si>
    <t>Agg DUI</t>
  </si>
  <si>
    <t>Agg UUW</t>
  </si>
  <si>
    <t>Escape</t>
  </si>
  <si>
    <t>720 ILCS 5/31-6</t>
  </si>
  <si>
    <t>Ryan Rhoades</t>
  </si>
  <si>
    <t>Kenneth Steele</t>
  </si>
  <si>
    <t>Jimmy Dooley</t>
  </si>
  <si>
    <t>Joseph Johnson</t>
  </si>
  <si>
    <t>2200 69th Ave Moline</t>
  </si>
  <si>
    <t>1200 River Dr. Moline</t>
  </si>
  <si>
    <t>Possession Stolen Vehicle</t>
  </si>
  <si>
    <t>Holly Garcia</t>
  </si>
  <si>
    <t>2021CM627</t>
  </si>
  <si>
    <t>2021CF1081</t>
  </si>
  <si>
    <t>625 ILCS 5/4-103</t>
  </si>
  <si>
    <t xml:space="preserve">1317 3rd Ave Rock Island </t>
  </si>
  <si>
    <t>720 ILCS 5/12-3.05</t>
  </si>
  <si>
    <t>2021CF1097</t>
  </si>
  <si>
    <t>Antonio Taylor</t>
  </si>
  <si>
    <t>28424 38th Ave N Hillsdale</t>
  </si>
  <si>
    <t>Aggravated Battery</t>
  </si>
  <si>
    <t>Crim damage to property</t>
  </si>
  <si>
    <t>2021CF955</t>
  </si>
  <si>
    <t>Jessica Rocha-Alvardo</t>
  </si>
  <si>
    <t>2507 214th St N Port Bryon</t>
  </si>
  <si>
    <t>Unlawful poss stolen vehicle</t>
  </si>
  <si>
    <t>2021CF842</t>
  </si>
  <si>
    <t>Kelston Bogguess</t>
  </si>
  <si>
    <t>10621 #38 1st St W Milan</t>
  </si>
  <si>
    <t>7th St &amp; 19th Ave</t>
  </si>
  <si>
    <t>Timmy Coker</t>
  </si>
  <si>
    <t>3200 Block River Dr Moline</t>
  </si>
  <si>
    <t>2021CF1035</t>
  </si>
  <si>
    <t>Irfan Mughal</t>
  </si>
  <si>
    <t> 720 ILCS 550/5</t>
  </si>
  <si>
    <t>MFG/Del Cannabis 30-500</t>
  </si>
  <si>
    <t>625 ILCS 5/11-501</t>
  </si>
  <si>
    <t>2021DT80</t>
  </si>
  <si>
    <t>Stephanie Thomas</t>
  </si>
  <si>
    <t>21721 Rt 2 &amp; 92 Port Byron</t>
  </si>
  <si>
    <t>Residential Burglary</t>
  </si>
  <si>
    <t>Ivan Khabinets</t>
  </si>
  <si>
    <t>2021CF1087</t>
  </si>
  <si>
    <t>301 Larson Ct #4 Hillsdale</t>
  </si>
  <si>
    <t>Corey Still</t>
  </si>
  <si>
    <t>2021CF744</t>
  </si>
  <si>
    <t>Fail to rpt chng address/register</t>
  </si>
  <si>
    <t>1007 Rebecca Ave Carbon Cliff</t>
  </si>
  <si>
    <t>Theft</t>
  </si>
  <si>
    <t>2021CF1068</t>
  </si>
  <si>
    <t>Lucas Puckett</t>
  </si>
  <si>
    <t>720 ILCS 5/16-1</t>
  </si>
  <si>
    <t xml:space="preserve">Negotiated Plea </t>
  </si>
  <si>
    <t>112 Island Ave East Moline</t>
  </si>
  <si>
    <t>2021CF928</t>
  </si>
  <si>
    <t>Geoff Whitehall</t>
  </si>
  <si>
    <t>2201 John Deere Road  #228 Carbon Cliff</t>
  </si>
  <si>
    <t xml:space="preserve">Loren Arrington </t>
  </si>
  <si>
    <t> 720 ILCS 5/21-1</t>
  </si>
  <si>
    <t>   720 ILCS 5/19-3</t>
  </si>
  <si>
    <t>    730 ILCS 150/6</t>
  </si>
  <si>
    <t>Domestice Violence</t>
  </si>
  <si>
    <t>No Charges Filed</t>
  </si>
  <si>
    <t>6924 Rt150 Coal Valley</t>
  </si>
  <si>
    <t>2021CF1049</t>
  </si>
  <si>
    <t>Dylan Wilson</t>
  </si>
  <si>
    <t> 720 ILCS 5/12-3.3</t>
  </si>
  <si>
    <t>1823 28th Ave East Moine</t>
  </si>
  <si>
    <t>2021CM788</t>
  </si>
  <si>
    <t xml:space="preserve">Probation/180 days county </t>
  </si>
  <si>
    <t>2021CF1067</t>
  </si>
  <si>
    <t>Leam Tank</t>
  </si>
  <si>
    <t>1511 Coyne Center Rd #9 Milan</t>
  </si>
  <si>
    <t>2021CM673</t>
  </si>
  <si>
    <t>Michel Daly</t>
  </si>
  <si>
    <t>25706 Rt 2 N Hillsdale</t>
  </si>
  <si>
    <t>2021DT385</t>
  </si>
  <si>
    <t>Gail Sibley</t>
  </si>
  <si>
    <t>13816 140th St W Taylor Ridge</t>
  </si>
  <si>
    <t>Eric Peterson</t>
  </si>
  <si>
    <t>3rd St &amp; E 6th Av E Andalusia</t>
  </si>
  <si>
    <t>Keith Fausey</t>
  </si>
  <si>
    <t>2021DT364</t>
  </si>
  <si>
    <t>17th St &amp; 18th Av Rock Island</t>
  </si>
  <si>
    <t>John O'Conner</t>
  </si>
  <si>
    <t>2021CF986</t>
  </si>
  <si>
    <t>Poss of Controlled Substance</t>
  </si>
  <si>
    <t>2021CF1009</t>
  </si>
  <si>
    <t>Zacchaeus Hayes</t>
  </si>
  <si>
    <t>Unlawful Poss Meth</t>
  </si>
  <si>
    <t>2021CF1066</t>
  </si>
  <si>
    <t>Tashia Bennett</t>
  </si>
  <si>
    <t>1827 18th Av East Moline</t>
  </si>
  <si>
    <t>2021CF1069</t>
  </si>
  <si>
    <t>Dorjanna Barnes</t>
  </si>
  <si>
    <t>260 6th St Silvis</t>
  </si>
  <si>
    <t>Chad Welge</t>
  </si>
  <si>
    <t>Domestc violence</t>
  </si>
  <si>
    <t>1500 Blk John Deere Road Moline</t>
  </si>
  <si>
    <t>Agg Use of Weapon</t>
  </si>
  <si>
    <t>2021CF1062</t>
  </si>
  <si>
    <t>Michael McCall</t>
  </si>
  <si>
    <t>720 ILCS 5/24-1.6</t>
  </si>
  <si>
    <t>6000 blk 78th Av W Rock Island</t>
  </si>
  <si>
    <t>Amanda Reed</t>
  </si>
  <si>
    <t>2021DT397</t>
  </si>
  <si>
    <t>Agg Domestic Battery</t>
  </si>
  <si>
    <t>6198 78th Av Milan</t>
  </si>
  <si>
    <t>Anthony Campbell</t>
  </si>
  <si>
    <t>2021DT361</t>
  </si>
  <si>
    <t>16th St &amp; 39th Av Moline</t>
  </si>
  <si>
    <t>2021CF1050</t>
  </si>
  <si>
    <t>Antelmo Martinez-Justo</t>
  </si>
  <si>
    <t>W 10th Av &amp; W 4th St Milan</t>
  </si>
  <si>
    <t>2021CF887</t>
  </si>
  <si>
    <t>Sheena Elliott</t>
  </si>
  <si>
    <t>19406 Loud Thunder Road ILL City</t>
  </si>
  <si>
    <t>2021CF903</t>
  </si>
  <si>
    <t>Bryan Miranda</t>
  </si>
  <si>
    <t>1228 Coyne Center Rd Milan</t>
  </si>
  <si>
    <t>Violation of OP/ Agg Batt PO</t>
  </si>
  <si>
    <t>2021CF880</t>
  </si>
  <si>
    <t>Evan Ward</t>
  </si>
  <si>
    <t>200 5th Av Moline</t>
  </si>
  <si>
    <t>Deveroux Sapho</t>
  </si>
  <si>
    <t>Obstruction Identification</t>
  </si>
  <si>
    <t>720 ILCS 5/31-4.5</t>
  </si>
  <si>
    <t>2021CM414</t>
  </si>
  <si>
    <t>700 N Shore  Dr Moline</t>
  </si>
  <si>
    <t>2021CF997</t>
  </si>
  <si>
    <t>Gregory Ellis</t>
  </si>
  <si>
    <t>7500 25th St Milan</t>
  </si>
  <si>
    <t>2021CF965</t>
  </si>
  <si>
    <t>Roderick Crawford</t>
  </si>
  <si>
    <t>Dismissed per plea  in related case</t>
  </si>
  <si>
    <t>1511 Coyne Center Rd #102 Milan</t>
  </si>
  <si>
    <t>Pred Crim Sex Assualt &lt;13</t>
  </si>
  <si>
    <t>2021CF673</t>
  </si>
  <si>
    <t>Joseph McIntire</t>
  </si>
  <si>
    <t>10620 #57 1st St W Milan</t>
  </si>
  <si>
    <t>Violation of OP</t>
  </si>
  <si>
    <t>Timothy Coker</t>
  </si>
  <si>
    <t>2021CM735</t>
  </si>
  <si>
    <t>700 N Shore Dr Moline</t>
  </si>
  <si>
    <t>2021CF954</t>
  </si>
  <si>
    <t>David Price</t>
  </si>
  <si>
    <t>Felon Poss/Use weapon</t>
  </si>
  <si>
    <t>Amanda Payne</t>
  </si>
  <si>
    <t>09/10/201</t>
  </si>
  <si>
    <t>2021DT347</t>
  </si>
  <si>
    <t>4032 13th St Moline</t>
  </si>
  <si>
    <t>2021CM372</t>
  </si>
  <si>
    <t>Autumn Nees</t>
  </si>
  <si>
    <t>101 Woodland Prk Rd Milan</t>
  </si>
  <si>
    <t>Shaun Walker</t>
  </si>
  <si>
    <t>2021CM551</t>
  </si>
  <si>
    <t>202 Mississippi Ct East Moline</t>
  </si>
  <si>
    <t>Keith Brier</t>
  </si>
  <si>
    <t>2021CF34</t>
  </si>
  <si>
    <t>Agg Discharge of a Firearm</t>
  </si>
  <si>
    <t>Joshua Ramey</t>
  </si>
  <si>
    <t>2116 25th Ave Rock Island</t>
  </si>
  <si>
    <t>2021CF855</t>
  </si>
  <si>
    <t>Wayne Tomasson</t>
  </si>
  <si>
    <t>Manuf/Possess Adulterants</t>
  </si>
  <si>
    <t>720 ILCS 5/17-57</t>
  </si>
  <si>
    <t>1200 1st Av Silvis</t>
  </si>
  <si>
    <t>2021CF964</t>
  </si>
  <si>
    <t>Shannon Chavez</t>
  </si>
  <si>
    <t>Poss of Meth &lt; 5g</t>
  </si>
  <si>
    <t>Tara Smiddy</t>
  </si>
  <si>
    <t>2021CF794</t>
  </si>
  <si>
    <t>Felon Fail/Return from furlough</t>
  </si>
  <si>
    <t>709 N High St Port Bryon</t>
  </si>
  <si>
    <t>Violation OP</t>
  </si>
  <si>
    <t>2021CM651</t>
  </si>
  <si>
    <t>Nicholas Varela</t>
  </si>
  <si>
    <t>2021CF405</t>
  </si>
  <si>
    <t>Michael Hood</t>
  </si>
  <si>
    <t>2021CF502</t>
  </si>
  <si>
    <t>Failure to report annually</t>
  </si>
  <si>
    <t>1600 Blk 18th Av East Moline</t>
  </si>
  <si>
    <t>2021CF761</t>
  </si>
  <si>
    <t>8622 Knoxville Rd Milan</t>
  </si>
  <si>
    <t>2021CF841</t>
  </si>
  <si>
    <t>Anthony Martin</t>
  </si>
  <si>
    <t>Theft control intent $500 &lt;10K</t>
  </si>
  <si>
    <t>Poss of Meth/15&lt;100g</t>
  </si>
  <si>
    <t>Bonnie Dreifurst</t>
  </si>
  <si>
    <t>1811 27th Av East Moline</t>
  </si>
  <si>
    <t>2021CF907</t>
  </si>
  <si>
    <t>John Wilk</t>
  </si>
  <si>
    <t>Poss of stolen firearm</t>
  </si>
  <si>
    <t>720 ILCS 5/24-3.8</t>
  </si>
  <si>
    <t>Rt 5 &amp; 92/ Barstow</t>
  </si>
  <si>
    <t>Adrain Cervantes</t>
  </si>
  <si>
    <t>Fail notify dmg/ veh</t>
  </si>
  <si>
    <t>625 ILCS 5/11-404</t>
  </si>
  <si>
    <t>2021TR9837</t>
  </si>
  <si>
    <t>1819 Coyne Center Rd Milan</t>
  </si>
  <si>
    <t>Clint Kurrle</t>
  </si>
  <si>
    <t>2021CM494</t>
  </si>
  <si>
    <t>2021CM518</t>
  </si>
  <si>
    <t>David Michael III</t>
  </si>
  <si>
    <t>27th St &amp; ATOC Moline</t>
  </si>
  <si>
    <t>2021DT308</t>
  </si>
  <si>
    <t>Jeremy Gilbert</t>
  </si>
  <si>
    <t>2201 John Deere Rd Carbon Cliff</t>
  </si>
  <si>
    <t>2021CF912</t>
  </si>
  <si>
    <t>Nicoles Dies</t>
  </si>
  <si>
    <t>Unlawful poss Meth</t>
  </si>
  <si>
    <t>W3rd st W30th Av Milan</t>
  </si>
  <si>
    <t>Britney Weber</t>
  </si>
  <si>
    <t>2021DT354</t>
  </si>
  <si>
    <t>319 W 1st Av Milan</t>
  </si>
  <si>
    <t>2021CF860</t>
  </si>
  <si>
    <t>Uwusavyemfura Jean</t>
  </si>
  <si>
    <t>5111 78th Av #50 Milan</t>
  </si>
  <si>
    <t>Brittany Steele</t>
  </si>
  <si>
    <t>2021CM590</t>
  </si>
  <si>
    <t>2500 blk John Deere Rd Moline</t>
  </si>
  <si>
    <t>Damien J. Powell</t>
  </si>
  <si>
    <t>3720 Hazelcrest dr East Moline</t>
  </si>
  <si>
    <t>Laci M. Johnston</t>
  </si>
  <si>
    <t>9200 Blk Ridgewood Rd Milan</t>
  </si>
  <si>
    <t>2021DT263</t>
  </si>
  <si>
    <t>2021TR6056</t>
  </si>
  <si>
    <t>Speeding</t>
  </si>
  <si>
    <t>800 Blk 16th Av East Moline</t>
  </si>
  <si>
    <t>2021CF856</t>
  </si>
  <si>
    <t>Emily Bartholomew-Hudson</t>
  </si>
  <si>
    <t>2000 Blk AOTC East Moline</t>
  </si>
  <si>
    <t>2021CM441</t>
  </si>
  <si>
    <t>Konrod Smith</t>
  </si>
  <si>
    <t>4050 27th St Moline</t>
  </si>
  <si>
    <t>Poss of Stolen Vehicle</t>
  </si>
  <si>
    <t>09/27/201</t>
  </si>
  <si>
    <t>2021CF819</t>
  </si>
  <si>
    <t>Alonzo Wise</t>
  </si>
  <si>
    <t>Poss of Meth &lt;5g</t>
  </si>
  <si>
    <t>2200 Blk 18th st/AOTC Moline</t>
  </si>
  <si>
    <t>Austin Jandura</t>
  </si>
  <si>
    <t>2021DT1521</t>
  </si>
  <si>
    <t>3600 blk N Shore Dr Moline</t>
  </si>
  <si>
    <t>2021DT295</t>
  </si>
  <si>
    <t>Lela Johnson</t>
  </si>
  <si>
    <t>800 Blk 1st Av Silvis</t>
  </si>
  <si>
    <t>Denise Coats</t>
  </si>
  <si>
    <t>Poss of Meth&lt; 5g</t>
  </si>
  <si>
    <t>2021CF718</t>
  </si>
  <si>
    <t>51st st W 78th Av W Rock Island</t>
  </si>
  <si>
    <t>2021CF758</t>
  </si>
  <si>
    <t>Steven Neugent</t>
  </si>
  <si>
    <t>Meth del 15&lt;100g</t>
  </si>
  <si>
    <t>11306 Knoxville Rd Milan</t>
  </si>
  <si>
    <t>2021CM658</t>
  </si>
  <si>
    <t>Judith Cutler</t>
  </si>
  <si>
    <t>4 Rock River Bridge Moline</t>
  </si>
  <si>
    <t>Poss of Meth&lt;5g</t>
  </si>
  <si>
    <t>    720 ILCS 646/60</t>
  </si>
  <si>
    <t>2021CF812</t>
  </si>
  <si>
    <t>Travis Whitney</t>
  </si>
  <si>
    <t>1025 Rebecca Ave Carbon Cliff</t>
  </si>
  <si>
    <t>2021CF828</t>
  </si>
  <si>
    <t>Michael Greathouse</t>
  </si>
  <si>
    <t>2021CF183</t>
  </si>
  <si>
    <t>100 woodland park rd Milan</t>
  </si>
  <si>
    <t>Murder</t>
  </si>
  <si>
    <t>2021CF798</t>
  </si>
  <si>
    <t>Ward Davis</t>
  </si>
  <si>
    <t>13515 78th Av W Taylor Ridge</t>
  </si>
  <si>
    <t>Lisa Fischer</t>
  </si>
  <si>
    <t>2021DT325</t>
  </si>
  <si>
    <t>1593 18th St Silvis</t>
  </si>
  <si>
    <t>Samuel Fender</t>
  </si>
  <si>
    <t>Stolen Vehicle</t>
  </si>
  <si>
    <t>2021CF867</t>
  </si>
  <si>
    <t>5111 78th Av #8 Milan</t>
  </si>
  <si>
    <t>2021CF748</t>
  </si>
  <si>
    <t>    625 ILCS 5/4-103</t>
  </si>
  <si>
    <t>Miguela Gonzalez</t>
  </si>
  <si>
    <t>15513 36th Ave East Moline</t>
  </si>
  <si>
    <t>Ryan Hudson</t>
  </si>
  <si>
    <t>2021CM550</t>
  </si>
  <si>
    <t>2400 Blk 78th Av Milan</t>
  </si>
  <si>
    <t>Linda Carleton</t>
  </si>
  <si>
    <t>2021OP989</t>
  </si>
  <si>
    <t>Emergency OP filed</t>
  </si>
  <si>
    <t>I74 &amp; Rt 6 Moline</t>
  </si>
  <si>
    <t>Samantha McKay</t>
  </si>
  <si>
    <t>2021DT248</t>
  </si>
  <si>
    <t>500 blk 31st Av Rock Island</t>
  </si>
  <si>
    <t>    625 ILCS 5/11-501</t>
  </si>
  <si>
    <t>2021DT199</t>
  </si>
  <si>
    <t>Gant Wilkerson</t>
  </si>
  <si>
    <t>1522 44th Av Moline</t>
  </si>
  <si>
    <t>2021CF793</t>
  </si>
  <si>
    <t>Douglas Poling</t>
  </si>
  <si>
    <t>11210 Ridgewood Rd Milan</t>
  </si>
  <si>
    <t>    720 ILCS 5/12-3.2</t>
  </si>
  <si>
    <t>2021CM415</t>
  </si>
  <si>
    <t>2501 52nd Av Moline</t>
  </si>
  <si>
    <t>Jill Blankenship</t>
  </si>
  <si>
    <t>Alphonse Hudson</t>
  </si>
  <si>
    <t>2021CF637</t>
  </si>
  <si>
    <t>John Deere Rd &amp; I74 Moline</t>
  </si>
  <si>
    <t>2021TR1608</t>
  </si>
  <si>
    <t>Ryan Diekman</t>
  </si>
  <si>
    <t>2021CF829</t>
  </si>
  <si>
    <t>16271 Rt 67 Milan</t>
  </si>
  <si>
    <t>2021DT328</t>
  </si>
  <si>
    <t>Sandra Hollon</t>
  </si>
  <si>
    <t>92nd Av W &amp; 35th St W Rock Island</t>
  </si>
  <si>
    <t>2021DT50</t>
  </si>
  <si>
    <t>Kejuan Williams</t>
  </si>
  <si>
    <t>27 th &amp; 52nd Av Moline</t>
  </si>
  <si>
    <t>Christopher Anselmi</t>
  </si>
  <si>
    <t>2021DT316</t>
  </si>
  <si>
    <t>92 &amp; 78th Av W Rock Island</t>
  </si>
  <si>
    <t>Driving while suspended</t>
  </si>
  <si>
    <t>2021TR8290</t>
  </si>
  <si>
    <t>Taylor Sersig</t>
  </si>
  <si>
    <t>400 1st Av Silvis</t>
  </si>
  <si>
    <t>Disreg off traffic control device</t>
  </si>
  <si>
    <t>2021TR8590</t>
  </si>
  <si>
    <t>Randy Branham</t>
  </si>
  <si>
    <t>Dimissed</t>
  </si>
  <si>
    <t>Zakary Veach</t>
  </si>
  <si>
    <t>2021CF783</t>
  </si>
  <si>
    <t>10100 78th Av W Taylor Ridge</t>
  </si>
  <si>
    <t>Agg UUW/loaded no foid</t>
  </si>
  <si>
    <t>2021CF700</t>
  </si>
  <si>
    <t>Thomas Powell</t>
  </si>
  <si>
    <t>2021DT226</t>
  </si>
  <si>
    <t>Melissa Trevino</t>
  </si>
  <si>
    <t>MM17 I280 Moline</t>
  </si>
  <si>
    <t>Del/Man 500-1000g</t>
  </si>
  <si>
    <t>2021CF1013</t>
  </si>
  <si>
    <t>Percy Clark</t>
  </si>
  <si>
    <t>720 ILCS 550/5</t>
  </si>
  <si>
    <t>Cassandra Beier</t>
  </si>
  <si>
    <t>Sealed</t>
  </si>
  <si>
    <t>2021CF726</t>
  </si>
  <si>
    <t>Poss of controlled substance</t>
  </si>
  <si>
    <t>720 ILCS 570/100</t>
  </si>
  <si>
    <t>18000 Blk Rt 67 Milan</t>
  </si>
  <si>
    <t>S Williams &amp; W Main Reynolds</t>
  </si>
  <si>
    <t>2021DT219</t>
  </si>
  <si>
    <t>Michael Bragg</t>
  </si>
  <si>
    <t>19th St &amp; 1st Silvis</t>
  </si>
  <si>
    <t>Oscar Nunez-cruz</t>
  </si>
  <si>
    <t>Leslie Ahmed</t>
  </si>
  <si>
    <t>Poss of meth &lt;5g</t>
  </si>
  <si>
    <t>2021CF724</t>
  </si>
  <si>
    <t>AOTC &amp; JRD Carbon Cliff</t>
  </si>
  <si>
    <t>2021CF626</t>
  </si>
  <si>
    <t>Crim dmg/govt prop &lt;$500</t>
  </si>
  <si>
    <t>2021CF702</t>
  </si>
  <si>
    <t>Mayson Davis</t>
  </si>
  <si>
    <t>Theft &lt;$500</t>
  </si>
  <si>
    <t>2021CM151</t>
  </si>
  <si>
    <t>April Sanders</t>
  </si>
  <si>
    <t>14205 Rt 84 N Cordova</t>
  </si>
  <si>
    <t>2021CF694</t>
  </si>
  <si>
    <t>Justin King</t>
  </si>
  <si>
    <t>16th St &amp; John Deere Rd Moline</t>
  </si>
  <si>
    <t>Speeding 26-34 over limit</t>
  </si>
  <si>
    <t>2021TR8276</t>
  </si>
  <si>
    <t>Izabel Duran</t>
  </si>
  <si>
    <t>1511 Coyne Center Road Milan</t>
  </si>
  <si>
    <t>Tarr Carr</t>
  </si>
  <si>
    <t>2021CM250</t>
  </si>
  <si>
    <t xml:space="preserve">Dismissed </t>
  </si>
  <si>
    <t>Chad Ketelsen</t>
  </si>
  <si>
    <t>2021CM249</t>
  </si>
  <si>
    <t>2021CM248</t>
  </si>
  <si>
    <t>Kevin Cooper</t>
  </si>
  <si>
    <t>8323 54th St Coal Valley</t>
  </si>
  <si>
    <t>Poss stolen firearm</t>
  </si>
  <si>
    <t>2021CF697</t>
  </si>
  <si>
    <t>David Fox</t>
  </si>
  <si>
    <t>AOTC &amp; 41st St Moline</t>
  </si>
  <si>
    <t>Ryan Matlick</t>
  </si>
  <si>
    <t>2021CF672</t>
  </si>
  <si>
    <t>Poss of meth &lt; 5g</t>
  </si>
  <si>
    <t>3100 blk 11th St Rock Island</t>
  </si>
  <si>
    <t>  625 ILCS 5/6-303</t>
  </si>
  <si>
    <t>2021TR6072</t>
  </si>
  <si>
    <t>Angel Anderson</t>
  </si>
  <si>
    <t>Rt5 &amp; Barstow Rd Carbon Cliff</t>
  </si>
  <si>
    <t>Jacob Davis</t>
  </si>
  <si>
    <t>2021CF435</t>
  </si>
  <si>
    <t>Trayvon Radcliff</t>
  </si>
  <si>
    <t>2021CF586</t>
  </si>
  <si>
    <t>Timothy Daniels</t>
  </si>
  <si>
    <t>2021CF668</t>
  </si>
  <si>
    <t>    720 ILCS 5/12-3.05</t>
  </si>
  <si>
    <t>2021CF562</t>
  </si>
  <si>
    <t>Joseph Cason</t>
  </si>
  <si>
    <t>2201 JDR Carbon Cliff</t>
  </si>
  <si>
    <t>2021CF598</t>
  </si>
  <si>
    <t>Christopher Erickson</t>
  </si>
  <si>
    <t>Poss amt con sub except</t>
  </si>
  <si>
    <t>MM2 I80 East Moline</t>
  </si>
  <si>
    <t>2021DT175</t>
  </si>
  <si>
    <t>Crystal Peterson</t>
  </si>
  <si>
    <t>Aaron Davis</t>
  </si>
  <si>
    <t>2021CM99</t>
  </si>
  <si>
    <t>720 N 1st Av Carbon Ciff</t>
  </si>
  <si>
    <t>Criminal Tress to land</t>
  </si>
  <si>
    <t>Rt 92/Jumers Dr Milan</t>
  </si>
  <si>
    <t>2021CF571</t>
  </si>
  <si>
    <t>Kristin Waters</t>
  </si>
  <si>
    <t>Possession meth &lt;5 g</t>
  </si>
  <si>
    <t>Rt 5/Crosstown Rd Silvis</t>
  </si>
  <si>
    <t>2021CF610</t>
  </si>
  <si>
    <t>Emily Behnken</t>
  </si>
  <si>
    <t>2209 JDR Carbon Cliff</t>
  </si>
  <si>
    <t>2021CM409</t>
  </si>
  <si>
    <t>Andrew Matheis</t>
  </si>
  <si>
    <t>13623 138th St W Taylor Ridge</t>
  </si>
  <si>
    <t>Taleia Dolan</t>
  </si>
  <si>
    <t>2021CM466</t>
  </si>
  <si>
    <t>12th Av &amp; 7th St Moline</t>
  </si>
  <si>
    <t>2021TR6074</t>
  </si>
  <si>
    <t>Paul Palmer</t>
  </si>
  <si>
    <t>2612 18th St East Moline</t>
  </si>
  <si>
    <t>2021CM376</t>
  </si>
  <si>
    <t>Brett Ackerland</t>
  </si>
  <si>
    <t>MM9 I88 Hillsdale</t>
  </si>
  <si>
    <t>Filiberto Martinez</t>
  </si>
  <si>
    <t>2021DT210</t>
  </si>
  <si>
    <t>2021CF597</t>
  </si>
  <si>
    <t>John Steckel</t>
  </si>
  <si>
    <t>Turkey hollow rd/78th av w RI</t>
  </si>
  <si>
    <t>2021CF588</t>
  </si>
  <si>
    <t>Devin Carlson</t>
  </si>
  <si>
    <t>400 bllk 1st Av Silvis</t>
  </si>
  <si>
    <t>Olivia Nino</t>
  </si>
  <si>
    <t>2021DT101</t>
  </si>
  <si>
    <t>16834 Rt 5 92 East Moline</t>
  </si>
  <si>
    <t>2021DT79</t>
  </si>
  <si>
    <t>Lukelelo Msebengi</t>
  </si>
  <si>
    <t>1800 blk Colona Rd Carbon Cliff</t>
  </si>
  <si>
    <t>2021DT265</t>
  </si>
  <si>
    <t>Tracey Sanders</t>
  </si>
  <si>
    <t>RT92/Jumors Dr Milan</t>
  </si>
  <si>
    <t>Paul Williams</t>
  </si>
  <si>
    <t>2021DT264</t>
  </si>
  <si>
    <t>3258 N Shore Dr Moline</t>
  </si>
  <si>
    <t>2021CF470</t>
  </si>
  <si>
    <t>Steven Cross</t>
  </si>
  <si>
    <t>Agg Fleeing</t>
  </si>
  <si>
    <t>2701 17th St Rock Island</t>
  </si>
  <si>
    <t>2021CM451</t>
  </si>
  <si>
    <t>Ameer Isaiah</t>
  </si>
  <si>
    <t>JDR &amp; JDP East Moline</t>
  </si>
  <si>
    <t>Joshua Granada-Hayslett</t>
  </si>
  <si>
    <t>2021TR2133</t>
  </si>
  <si>
    <t xml:space="preserve">1301 13th St East Moline </t>
  </si>
  <si>
    <t>Anntonet Kraus</t>
  </si>
  <si>
    <t>2021DT113</t>
  </si>
  <si>
    <t>2021CF378</t>
  </si>
  <si>
    <t>Joseph Akins</t>
  </si>
  <si>
    <t>23924 122nd Av W Illinois City</t>
  </si>
  <si>
    <t>2021CM281</t>
  </si>
  <si>
    <t>Jamie Bieri</t>
  </si>
  <si>
    <t>103 6th Av E Andalusia</t>
  </si>
  <si>
    <t>2021CF504</t>
  </si>
  <si>
    <t>Cristian Castro</t>
  </si>
  <si>
    <t>12200 104th St Coal Valley</t>
  </si>
  <si>
    <t>Isaiah R. Sizemore</t>
  </si>
  <si>
    <t>Juvenile</t>
  </si>
  <si>
    <t>MM16 I80</t>
  </si>
  <si>
    <t>Ryan Miller</t>
  </si>
  <si>
    <t>2021TR1563</t>
  </si>
  <si>
    <t>3810 193rd St N Port Byron</t>
  </si>
  <si>
    <t>2021CF414</t>
  </si>
  <si>
    <t>5704 27th St W Milan</t>
  </si>
  <si>
    <t>2021CM166</t>
  </si>
  <si>
    <t>Fabian Sanchez</t>
  </si>
  <si>
    <t>Christopher Wilson</t>
  </si>
  <si>
    <t>2021CF57</t>
  </si>
  <si>
    <t>1900 19th St East Moline</t>
  </si>
  <si>
    <t>2021CF36</t>
  </si>
  <si>
    <t>MM10 I280 Milan</t>
  </si>
  <si>
    <t>2021CF15</t>
  </si>
  <si>
    <t>Matthew Bodenhamer</t>
  </si>
  <si>
    <t>21800 Rt 2 &amp; 92 Port Byron</t>
  </si>
  <si>
    <t>Terry Vermace</t>
  </si>
  <si>
    <t>11th St &amp; 33rd Av Rock Island</t>
  </si>
  <si>
    <t>2021CF5</t>
  </si>
  <si>
    <t>1200 27th St Moline</t>
  </si>
  <si>
    <t>James Reynolds</t>
  </si>
  <si>
    <t>2021CF514</t>
  </si>
  <si>
    <t>Edmilda Gonzalez</t>
  </si>
  <si>
    <t>2021CF458</t>
  </si>
  <si>
    <t>Agg Unlawful use of weapon</t>
  </si>
  <si>
    <t>Rt 84 &amp; Mansur Av Carbon Cliff</t>
  </si>
  <si>
    <t>Herchel Anderson</t>
  </si>
  <si>
    <t>2021DT174</t>
  </si>
  <si>
    <t>3718 39th Av Dr Moline</t>
  </si>
  <si>
    <t>Brandy McDonough</t>
  </si>
  <si>
    <t>2021DT7</t>
  </si>
  <si>
    <t>1966 JDR Carbon Cliff</t>
  </si>
  <si>
    <t>Unlwfl Poss Cannabis/driver</t>
  </si>
  <si>
    <t>2021TR1957</t>
  </si>
  <si>
    <t>Gregorhy Mesa</t>
  </si>
  <si>
    <t>4700 blk 16th St Moline</t>
  </si>
  <si>
    <t>Electronic Commu Device</t>
  </si>
  <si>
    <t>2021TR6281</t>
  </si>
  <si>
    <t>Cortney Elliott</t>
  </si>
  <si>
    <t>Firearm w/o valid FOID</t>
  </si>
  <si>
    <t>2021CM267</t>
  </si>
  <si>
    <t>Matthew Layton</t>
  </si>
  <si>
    <t>500 blk Main St Hillsdale</t>
  </si>
  <si>
    <t>222 Orchard Ct Carbon Cliff</t>
  </si>
  <si>
    <t>2021CF415</t>
  </si>
  <si>
    <t>Seth Gauthier</t>
  </si>
  <si>
    <t>2021CF455</t>
  </si>
  <si>
    <t>Augustus Wilson</t>
  </si>
  <si>
    <t>1200 Blk E 1st Av Milan</t>
  </si>
  <si>
    <t>2021DT186</t>
  </si>
  <si>
    <t>Brenden McGuire</t>
  </si>
  <si>
    <t>2021CF509</t>
  </si>
  <si>
    <t>Dylan Thongvan</t>
  </si>
  <si>
    <t>500 Blk 38th St Rock Island</t>
  </si>
  <si>
    <t>2021DT14</t>
  </si>
  <si>
    <t>Ward F. Davis</t>
  </si>
  <si>
    <t>32011 Rt 2 N Hillsadale</t>
  </si>
  <si>
    <t>2021CF474</t>
  </si>
  <si>
    <t>Michael D. Roberson</t>
  </si>
  <si>
    <t>I88 &amp; I80 East Moline</t>
  </si>
  <si>
    <t>2021DT78</t>
  </si>
  <si>
    <t>Efrem E. Perry</t>
  </si>
  <si>
    <t>900 blk 106th Av W Milan</t>
  </si>
  <si>
    <t>2021DT93</t>
  </si>
  <si>
    <t>Robert M. Leonard</t>
  </si>
  <si>
    <t>2215 JDR Carbon Cliff</t>
  </si>
  <si>
    <t>2021CF475</t>
  </si>
  <si>
    <t>Joshua Hutter</t>
  </si>
  <si>
    <t>9th St &amp; 1st Av Silvis</t>
  </si>
  <si>
    <t>2021DT145</t>
  </si>
  <si>
    <t>Bryce Hague</t>
  </si>
  <si>
    <t>I80 Bridge Rapids City</t>
  </si>
  <si>
    <t>2021DT156</t>
  </si>
  <si>
    <t>Scott Fink</t>
  </si>
  <si>
    <t>102 N Main St Port Byron</t>
  </si>
  <si>
    <t>2021CM308</t>
  </si>
  <si>
    <t>Bradley Robinson</t>
  </si>
  <si>
    <t>2021DT4795</t>
  </si>
  <si>
    <t xml:space="preserve"> 625 ILCS 5/11-601</t>
  </si>
  <si>
    <t>Arthel Johnson</t>
  </si>
  <si>
    <t>Rt67&amp;176th Ave W Milan</t>
  </si>
  <si>
    <t>2021DT100</t>
  </si>
  <si>
    <t>Isauro Castillo</t>
  </si>
  <si>
    <t xml:space="preserve">Poss Amt consub except </t>
  </si>
  <si>
    <t>Bradford Etheridge</t>
  </si>
  <si>
    <t>36th St &amp; 14th Av Rock Island</t>
  </si>
  <si>
    <t>Robert L. Hall</t>
  </si>
  <si>
    <t>43rd Av &amp; 7th St Moline</t>
  </si>
  <si>
    <t>Aid/Abet/poss stolen veh</t>
  </si>
  <si>
    <t>2021CF411</t>
  </si>
  <si>
    <t>2021CF400</t>
  </si>
  <si>
    <t>Destiney Nixon</t>
  </si>
  <si>
    <t>500 blk N High St Port Byron</t>
  </si>
  <si>
    <t>2021DT83</t>
  </si>
  <si>
    <t>Marissa Braddock</t>
  </si>
  <si>
    <t>135 5th st Carbon Cliff</t>
  </si>
  <si>
    <t>2021CF370</t>
  </si>
  <si>
    <t>Kevin Hedge</t>
  </si>
  <si>
    <t>8700 134th Ave W Taylor Ridge</t>
  </si>
  <si>
    <t>Speeding 35+ over limit</t>
  </si>
  <si>
    <t>2021TR4020</t>
  </si>
  <si>
    <t>Tracy Butler</t>
  </si>
  <si>
    <t>2701  E 1st St Milan</t>
  </si>
  <si>
    <t>2021CF393</t>
  </si>
  <si>
    <t>Benny Wild</t>
  </si>
  <si>
    <t>JDR &amp; AOTC Carbon Cliff</t>
  </si>
  <si>
    <t>2021CF357</t>
  </si>
  <si>
    <t>Rachel Hunter</t>
  </si>
  <si>
    <t>2800 blk S 13th St East Moline</t>
  </si>
  <si>
    <t>2021CF386</t>
  </si>
  <si>
    <t>Amber Woods</t>
  </si>
  <si>
    <t>9500 Blk 126th W Andalusia</t>
  </si>
  <si>
    <t>2021CM8</t>
  </si>
  <si>
    <t>Tyler Rexroth</t>
  </si>
  <si>
    <t>2021CF383</t>
  </si>
  <si>
    <t>2021CF384</t>
  </si>
  <si>
    <t>2021Cf385</t>
  </si>
  <si>
    <t>Kimberly Richardson</t>
  </si>
  <si>
    <t>900 blk 16th Av  Moline</t>
  </si>
  <si>
    <t>2021DT132</t>
  </si>
  <si>
    <t>Matthew Doran</t>
  </si>
  <si>
    <t>731 Allen St Carbon Cliff</t>
  </si>
  <si>
    <t>2021CF371</t>
  </si>
  <si>
    <t>James McKinney</t>
  </si>
  <si>
    <t>1100 4th Av Silvis</t>
  </si>
  <si>
    <t>2021CF358</t>
  </si>
  <si>
    <t>Jeromy L. Anderson</t>
  </si>
  <si>
    <t>Ri Milan Pkwy/ E 10th Av Milan</t>
  </si>
  <si>
    <t>2021CF308</t>
  </si>
  <si>
    <t>Allison Stephens</t>
  </si>
  <si>
    <t>500 Blk 7th St W Andalusia</t>
  </si>
  <si>
    <t>Driving on revoked license</t>
  </si>
  <si>
    <t>2021TR795</t>
  </si>
  <si>
    <t>Joshua Dole</t>
  </si>
  <si>
    <t>16908 78th Av W Taylor Ridge</t>
  </si>
  <si>
    <t>2021DT44</t>
  </si>
  <si>
    <t>Joel Corso</t>
  </si>
  <si>
    <t>2021CF250</t>
  </si>
  <si>
    <t>Zaire Yusuf</t>
  </si>
  <si>
    <t>10219 Ridgewood Rd Milan</t>
  </si>
  <si>
    <t xml:space="preserve">Speed too fast for conditions    </t>
  </si>
  <si>
    <t>2021TR786</t>
  </si>
  <si>
    <t>Amanda Ferguson</t>
  </si>
  <si>
    <t>7100 blk 221st St N Port Byron</t>
  </si>
  <si>
    <t>2021DT98</t>
  </si>
  <si>
    <t>Danelle Lyon</t>
  </si>
  <si>
    <t>304  7th St w Andalusia</t>
  </si>
  <si>
    <t>2021CF164</t>
  </si>
  <si>
    <t>Kyle Kosgard</t>
  </si>
  <si>
    <t>700 Blk N 20th St East Moline</t>
  </si>
  <si>
    <t>1838 281/2 Av East Moline</t>
  </si>
  <si>
    <t>2021CM125</t>
  </si>
  <si>
    <t>Marcelino Chaidez</t>
  </si>
  <si>
    <t>1440 1st Av East Moline</t>
  </si>
  <si>
    <t>Possession of meth/5&lt;15g</t>
  </si>
  <si>
    <t>2021CF226</t>
  </si>
  <si>
    <t>Lawrence Palmer</t>
  </si>
  <si>
    <t>13313 70th St W Taylor Ridge</t>
  </si>
  <si>
    <t>Vio Order/Prior Vio of Order</t>
  </si>
  <si>
    <t>2021CF187</t>
  </si>
  <si>
    <t>Dennis Fuessel</t>
  </si>
  <si>
    <t>W4th St &amp; W 2nd Av Milan</t>
  </si>
  <si>
    <t>Travis Martin</t>
  </si>
  <si>
    <t>2021CF219</t>
  </si>
  <si>
    <t>Possession of meth &lt;5g</t>
  </si>
  <si>
    <t>2021Cf220</t>
  </si>
  <si>
    <t>Colt Lawson</t>
  </si>
  <si>
    <t>6th St &amp; 4th Av Moline</t>
  </si>
  <si>
    <t>2021CF215</t>
  </si>
  <si>
    <t>Chyanna Seebeck</t>
  </si>
  <si>
    <t>AOTC &amp; 53rd St Moline</t>
  </si>
  <si>
    <t>2021DT8</t>
  </si>
  <si>
    <t>Jalisa Brown</t>
  </si>
  <si>
    <t>4720 27th St Moline</t>
  </si>
  <si>
    <t>2021CF196</t>
  </si>
  <si>
    <t>Delmetta Westmoreland</t>
  </si>
  <si>
    <t>200 blk 16th Av Moline</t>
  </si>
  <si>
    <t>2021CF221</t>
  </si>
  <si>
    <t>Keshia Rush</t>
  </si>
  <si>
    <t>9109 Rt 150 Coal Valley</t>
  </si>
  <si>
    <t>625 ILCS 5/11-402</t>
  </si>
  <si>
    <t>Leaving the Scene</t>
  </si>
  <si>
    <t>2021TR578</t>
  </si>
  <si>
    <t>Dayton Genova</t>
  </si>
  <si>
    <t>Justin Wakeland</t>
  </si>
  <si>
    <t>2021CF179</t>
  </si>
  <si>
    <t>1104 1st Av N Silvis</t>
  </si>
  <si>
    <t>2021CF180</t>
  </si>
  <si>
    <t>Louis Griffin</t>
  </si>
  <si>
    <t>3104 56th Av W Milan</t>
  </si>
  <si>
    <t>Domestic Btry/physical contact</t>
  </si>
  <si>
    <t>2021CM86</t>
  </si>
  <si>
    <t>Alex Naseef</t>
  </si>
  <si>
    <t>Domestic Battery/other prior</t>
  </si>
  <si>
    <t>2021CF957</t>
  </si>
  <si>
    <t>Shelton Turner</t>
  </si>
  <si>
    <t>18th Av &amp; 18th St East Moline</t>
  </si>
  <si>
    <t>2021CF144</t>
  </si>
  <si>
    <t>Meghan Irwin</t>
  </si>
  <si>
    <t>2021CF120</t>
  </si>
  <si>
    <t>Mark Anderson</t>
  </si>
  <si>
    <t>1822 27th Av East Moline</t>
  </si>
  <si>
    <t>201CF111</t>
  </si>
  <si>
    <t>Anthony Rock</t>
  </si>
  <si>
    <t>Roger Kerr</t>
  </si>
  <si>
    <t>Violation order Protection</t>
  </si>
  <si>
    <t>2021CF93</t>
  </si>
  <si>
    <t>1511 CCR #88 Milan</t>
  </si>
  <si>
    <t>Criminal Damage &lt;$500/School</t>
  </si>
  <si>
    <t>Zachary Ramos</t>
  </si>
  <si>
    <t>2209 #323 JDR Carbon Cliff</t>
  </si>
  <si>
    <t>Felon Poss/Use weapon/2nd+</t>
  </si>
  <si>
    <t>2021CF94</t>
  </si>
  <si>
    <t>Leroy Rorah</t>
  </si>
  <si>
    <t>4056 69th Av Moline</t>
  </si>
  <si>
    <t>Joel Debaille</t>
  </si>
  <si>
    <t>14110 134th Av W Taylor Ridge</t>
  </si>
  <si>
    <t>Daniel Taylor</t>
  </si>
  <si>
    <t>Juvenile Case Unknown</t>
  </si>
  <si>
    <t>31800 102 Av W Illinios City</t>
  </si>
  <si>
    <t>2021CF372</t>
  </si>
  <si>
    <t>Brady Holliday</t>
  </si>
  <si>
    <t>1000 blk W 10th Av Milan</t>
  </si>
  <si>
    <t>2021CF331</t>
  </si>
  <si>
    <t>Laura Barton</t>
  </si>
  <si>
    <t>JDR &amp; JD Place East Moline</t>
  </si>
  <si>
    <t>2021CF252</t>
  </si>
  <si>
    <t>Paul Elliott</t>
  </si>
  <si>
    <t>Main St &amp; High St Hillsdale</t>
  </si>
  <si>
    <t>2021CF324</t>
  </si>
  <si>
    <t>Nate Wilson</t>
  </si>
  <si>
    <t>MM16 &amp; I80 Milan</t>
  </si>
  <si>
    <t>2021CF325</t>
  </si>
  <si>
    <t>Lachina Robinson</t>
  </si>
  <si>
    <t>Agg Battery/Public Place</t>
  </si>
  <si>
    <t>2021DT141</t>
  </si>
  <si>
    <t>Anthony Cook</t>
  </si>
  <si>
    <t>720 ILCS 5/21-3</t>
  </si>
  <si>
    <t>2021CM55</t>
  </si>
  <si>
    <t>Cindy Starr</t>
  </si>
  <si>
    <t>7700 JRD East Moline</t>
  </si>
  <si>
    <t>2021CF320</t>
  </si>
  <si>
    <t>David Slater</t>
  </si>
  <si>
    <t>8200 7th St W Rock Island</t>
  </si>
  <si>
    <t>2021CF313</t>
  </si>
  <si>
    <t>Karen Lawver</t>
  </si>
  <si>
    <r>
      <t>  </t>
    </r>
    <r>
      <rPr>
        <sz val="11"/>
        <color rgb="FF000000"/>
        <rFont val="Courier New"/>
        <family val="3"/>
      </rPr>
      <t>720 ILCS 5/12-3</t>
    </r>
  </si>
  <si>
    <r>
      <t>    </t>
    </r>
    <r>
      <rPr>
        <sz val="11"/>
        <color theme="1"/>
        <rFont val="Courier New"/>
        <family val="3"/>
      </rPr>
      <t>625 ILCS 5/11-1427</t>
    </r>
  </si>
  <si>
    <r>
      <t>  </t>
    </r>
    <r>
      <rPr>
        <sz val="11"/>
        <color rgb="FF000000"/>
        <rFont val="Courier New"/>
        <family val="3"/>
      </rPr>
      <t>720 ILCS 5/21-3</t>
    </r>
  </si>
  <si>
    <r>
      <t>    </t>
    </r>
    <r>
      <rPr>
        <sz val="11"/>
        <color theme="1"/>
        <rFont val="Courier New"/>
        <family val="3"/>
      </rPr>
      <t>720 ILCS 5/12-3.4</t>
    </r>
  </si>
  <si>
    <r>
      <t>    </t>
    </r>
    <r>
      <rPr>
        <sz val="11"/>
        <color theme="1"/>
        <rFont val="Courier New"/>
        <family val="3"/>
      </rPr>
      <t>720 ILCS 5/24-1.1</t>
    </r>
  </si>
  <si>
    <r>
      <t>  </t>
    </r>
    <r>
      <rPr>
        <sz val="11"/>
        <color rgb="FF000000"/>
        <rFont val="Courier New"/>
        <family val="3"/>
      </rPr>
      <t>720 ILCS 5/21-1</t>
    </r>
  </si>
  <si>
    <r>
      <t> </t>
    </r>
    <r>
      <rPr>
        <sz val="11"/>
        <color rgb="FF000000"/>
        <rFont val="Courier New"/>
        <family val="3"/>
      </rPr>
      <t>720 ILCS 5/12-3.05</t>
    </r>
  </si>
  <si>
    <r>
      <t> </t>
    </r>
    <r>
      <rPr>
        <sz val="11"/>
        <color rgb="FF000000"/>
        <rFont val="Courier New"/>
        <family val="3"/>
      </rPr>
      <t>720 ILCS 5/12-3.2</t>
    </r>
  </si>
  <si>
    <r>
      <t>    </t>
    </r>
    <r>
      <rPr>
        <sz val="11"/>
        <color theme="1"/>
        <rFont val="Courier New"/>
        <family val="3"/>
      </rPr>
      <t>720 ILCS 5/12-3.2</t>
    </r>
  </si>
  <si>
    <r>
      <t>    </t>
    </r>
    <r>
      <rPr>
        <sz val="11"/>
        <color theme="1"/>
        <rFont val="Courier New"/>
        <family val="3"/>
      </rPr>
      <t>720 ILCS 5/31-6</t>
    </r>
  </si>
  <si>
    <r>
      <t> </t>
    </r>
    <r>
      <rPr>
        <sz val="11"/>
        <color rgb="FF000000"/>
        <rFont val="Courier New"/>
        <family val="3"/>
      </rPr>
      <t>720 ILCS 5/21-1.01</t>
    </r>
  </si>
  <si>
    <r>
      <t>  </t>
    </r>
    <r>
      <rPr>
        <sz val="11"/>
        <color rgb="FF000000"/>
        <rFont val="Courier New"/>
        <family val="3"/>
      </rPr>
      <t>720 ILCS 5/12-3.05</t>
    </r>
  </si>
  <si>
    <r>
      <t>    </t>
    </r>
    <r>
      <rPr>
        <sz val="11"/>
        <color rgb="FF000000"/>
        <rFont val="Courier New"/>
        <family val="3"/>
      </rPr>
      <t>720 ILCS 5/12-3.05</t>
    </r>
  </si>
  <si>
    <r>
      <t>  </t>
    </r>
    <r>
      <rPr>
        <sz val="11"/>
        <color rgb="FF000000"/>
        <rFont val="Courier New"/>
        <family val="3"/>
      </rPr>
      <t>625 ILCS 5/11-601.5</t>
    </r>
  </si>
  <si>
    <r>
      <t> </t>
    </r>
    <r>
      <rPr>
        <sz val="11"/>
        <color rgb="FF000000"/>
        <rFont val="Courier New"/>
        <family val="3"/>
      </rPr>
      <t>625 ILCS 5/11-502.15</t>
    </r>
  </si>
  <si>
    <r>
      <t>    </t>
    </r>
    <r>
      <rPr>
        <sz val="11"/>
        <color rgb="FF000000"/>
        <rFont val="Courier New"/>
        <family val="3"/>
      </rPr>
      <t>720 ILCS 5/12-3.2</t>
    </r>
  </si>
  <si>
    <r>
      <t>    </t>
    </r>
    <r>
      <rPr>
        <sz val="11"/>
        <color rgb="FF000000"/>
        <rFont val="Courier New"/>
        <family val="3"/>
      </rPr>
      <t>720 ILCS 5/16-1</t>
    </r>
  </si>
  <si>
    <r>
      <t>    </t>
    </r>
    <r>
      <rPr>
        <sz val="11"/>
        <color theme="1"/>
        <rFont val="Courier New"/>
        <family val="3"/>
      </rPr>
      <t>720 ILCS 646/60</t>
    </r>
  </si>
  <si>
    <r>
      <t> </t>
    </r>
    <r>
      <rPr>
        <sz val="11"/>
        <color rgb="FF000000"/>
        <rFont val="Courier New"/>
        <family val="3"/>
      </rPr>
      <t>625 ILCS 5/11-601.5</t>
    </r>
  </si>
  <si>
    <r>
      <t>   </t>
    </r>
    <r>
      <rPr>
        <sz val="11"/>
        <color theme="1"/>
        <rFont val="Courier New"/>
        <family val="3"/>
      </rPr>
      <t>720 ILCS 5/12-3</t>
    </r>
  </si>
  <si>
    <r>
      <t> </t>
    </r>
    <r>
      <rPr>
        <sz val="11"/>
        <color rgb="FF000000"/>
        <rFont val="Courier New"/>
        <family val="3"/>
      </rPr>
      <t>720 ILCS 5/24-1.2</t>
    </r>
  </si>
  <si>
    <r>
      <t>  </t>
    </r>
    <r>
      <rPr>
        <sz val="11"/>
        <color rgb="FF000000"/>
        <rFont val="Courier New"/>
        <family val="3"/>
      </rPr>
      <t>720 ILCS 5/24-1.2</t>
    </r>
  </si>
  <si>
    <r>
      <t>  </t>
    </r>
    <r>
      <rPr>
        <sz val="11"/>
        <color rgb="FF000000"/>
        <rFont val="Courier New"/>
        <family val="3"/>
      </rPr>
      <t>720 ILCS 5/24-1.3</t>
    </r>
    <r>
      <rPr>
        <sz val="11"/>
        <color theme="1"/>
        <rFont val="Calibri"/>
        <family val="2"/>
        <scheme val="minor"/>
      </rPr>
      <t/>
    </r>
  </si>
  <si>
    <r>
      <t>  </t>
    </r>
    <r>
      <rPr>
        <sz val="11"/>
        <color rgb="FF000000"/>
        <rFont val="Courier New"/>
        <family val="3"/>
      </rPr>
      <t>720 ILCS 5/24-1.4</t>
    </r>
    <r>
      <rPr>
        <sz val="11"/>
        <color theme="1"/>
        <rFont val="Calibri"/>
        <family val="2"/>
        <scheme val="minor"/>
      </rPr>
      <t/>
    </r>
  </si>
  <si>
    <r>
      <t>    </t>
    </r>
    <r>
      <rPr>
        <sz val="11"/>
        <color theme="1"/>
        <rFont val="Courier New"/>
        <family val="3"/>
      </rPr>
      <t>720 ILCS 646/55</t>
    </r>
  </si>
  <si>
    <r>
      <t> </t>
    </r>
    <r>
      <rPr>
        <sz val="11"/>
        <color rgb="FF000000"/>
        <rFont val="Courier New"/>
        <family val="3"/>
      </rPr>
      <t>720 ILCS 5/11-1.40</t>
    </r>
  </si>
  <si>
    <r>
      <t>   </t>
    </r>
    <r>
      <rPr>
        <sz val="11"/>
        <color theme="1"/>
        <rFont val="Courier New"/>
        <family val="3"/>
      </rPr>
      <t>720 ILCS 5/31-1</t>
    </r>
  </si>
  <si>
    <r>
      <t> </t>
    </r>
    <r>
      <rPr>
        <sz val="11"/>
        <color rgb="FF000000"/>
        <rFont val="Courier New"/>
        <family val="3"/>
      </rPr>
      <t>625 ILCS 5/11-204.1</t>
    </r>
  </si>
  <si>
    <r>
      <t>  </t>
    </r>
    <r>
      <rPr>
        <sz val="11"/>
        <color rgb="FF000000"/>
        <rFont val="Courier New"/>
        <family val="3"/>
      </rPr>
      <t>625 ILCS 5/11-601</t>
    </r>
  </si>
  <si>
    <r>
      <t>    </t>
    </r>
    <r>
      <rPr>
        <sz val="11"/>
        <color theme="1"/>
        <rFont val="Courier New"/>
        <family val="3"/>
      </rPr>
      <t>625 ILCS 5/11-501</t>
    </r>
  </si>
  <si>
    <r>
      <t>    </t>
    </r>
    <r>
      <rPr>
        <sz val="11"/>
        <color theme="1"/>
        <rFont val="Courier New"/>
        <family val="3"/>
      </rPr>
      <t>720 ILCS 570/402</t>
    </r>
  </si>
  <si>
    <r>
      <t>  </t>
    </r>
    <r>
      <rPr>
        <sz val="11"/>
        <color rgb="FF000000"/>
        <rFont val="Courier New"/>
        <family val="3"/>
      </rPr>
      <t>720 ILCS 5/12-3.4</t>
    </r>
  </si>
  <si>
    <r>
      <t>   </t>
    </r>
    <r>
      <rPr>
        <sz val="11"/>
        <color rgb="FF000000"/>
        <rFont val="Courier New"/>
        <family val="3"/>
      </rPr>
      <t>720 ILCS 5/12-3</t>
    </r>
  </si>
  <si>
    <r>
      <t>  </t>
    </r>
    <r>
      <rPr>
        <sz val="11"/>
        <color rgb="FF000000"/>
        <rFont val="Courier New"/>
        <family val="3"/>
      </rPr>
      <t>720 ILCS 5/24-1.6</t>
    </r>
  </si>
  <si>
    <r>
      <t>   </t>
    </r>
    <r>
      <rPr>
        <sz val="11"/>
        <color rgb="FF000000"/>
        <rFont val="Courier New"/>
        <family val="3"/>
      </rPr>
      <t>720 ILCS 570/402</t>
    </r>
  </si>
  <si>
    <r>
      <t> </t>
    </r>
    <r>
      <rPr>
        <sz val="11"/>
        <color rgb="FF000000"/>
        <rFont val="Courier New"/>
        <family val="3"/>
      </rPr>
      <t>720 ILCS 5/17-57</t>
    </r>
  </si>
  <si>
    <r>
      <t>  </t>
    </r>
    <r>
      <rPr>
        <sz val="11"/>
        <color rgb="FF000000"/>
        <rFont val="Courier New"/>
        <family val="3"/>
      </rPr>
      <t>625 ILCS 5/6-303</t>
    </r>
  </si>
  <si>
    <r>
      <t>    </t>
    </r>
    <r>
      <rPr>
        <sz val="11"/>
        <color theme="1"/>
        <rFont val="Courier New"/>
        <family val="3"/>
      </rPr>
      <t>720 ILCS 5/12-3.05</t>
    </r>
  </si>
  <si>
    <r>
      <t>    </t>
    </r>
    <r>
      <rPr>
        <sz val="11"/>
        <color theme="1"/>
        <rFont val="Courier New"/>
        <family val="3"/>
      </rPr>
      <t>720 ILCS 5/21-1</t>
    </r>
  </si>
  <si>
    <r>
      <t> </t>
    </r>
    <r>
      <rPr>
        <sz val="11"/>
        <color rgb="FF000000"/>
        <rFont val="Courier New"/>
        <family val="3"/>
      </rPr>
      <t>720 ILCS 5/12-3</t>
    </r>
  </si>
  <si>
    <r>
      <t>   </t>
    </r>
    <r>
      <rPr>
        <sz val="11"/>
        <color theme="1"/>
        <rFont val="Courier New"/>
        <family val="3"/>
      </rPr>
      <t>625 ILCS 5/11-305</t>
    </r>
  </si>
  <si>
    <r>
      <t>   </t>
    </r>
    <r>
      <rPr>
        <sz val="11"/>
        <color theme="1"/>
        <rFont val="Courier New"/>
        <family val="3"/>
      </rPr>
      <t>720 ILCS 5/24-1.6</t>
    </r>
  </si>
  <si>
    <r>
      <t>    </t>
    </r>
    <r>
      <rPr>
        <sz val="11"/>
        <color rgb="FF000000"/>
        <rFont val="Courier New"/>
        <family val="3"/>
      </rPr>
      <t>720 ILCS 646/60</t>
    </r>
  </si>
  <si>
    <r>
      <t>   </t>
    </r>
    <r>
      <rPr>
        <sz val="11"/>
        <color rgb="FF000000"/>
        <rFont val="Courier New"/>
        <family val="3"/>
      </rPr>
      <t>720 ILCS 5/31-6</t>
    </r>
  </si>
  <si>
    <r>
      <t>  </t>
    </r>
    <r>
      <rPr>
        <sz val="11"/>
        <color rgb="FF000000"/>
        <rFont val="Courier New"/>
        <family val="3"/>
      </rPr>
      <t>720 ILCS 5/9-1</t>
    </r>
  </si>
  <si>
    <r>
      <t>  </t>
    </r>
    <r>
      <rPr>
        <sz val="11"/>
        <color rgb="FF000000"/>
        <rFont val="Courier New"/>
        <family val="3"/>
      </rPr>
      <t>625 ILCS 5/4-103</t>
    </r>
  </si>
  <si>
    <r>
      <t>   </t>
    </r>
    <r>
      <rPr>
        <sz val="11"/>
        <color rgb="FF000000"/>
        <rFont val="Courier New"/>
        <family val="3"/>
      </rPr>
      <t>720 ILCS 5/12-3.3</t>
    </r>
  </si>
  <si>
    <r>
      <t>    </t>
    </r>
    <r>
      <rPr>
        <sz val="11"/>
        <color theme="1"/>
        <rFont val="Courier New"/>
        <family val="3"/>
      </rPr>
      <t>625 ILCS 5/4-103</t>
    </r>
  </si>
  <si>
    <r>
      <t> </t>
    </r>
    <r>
      <rPr>
        <sz val="11"/>
        <color rgb="FF000000"/>
        <rFont val="Courier New"/>
        <family val="3"/>
      </rPr>
      <t>720 ILCS 5/24-1.1</t>
    </r>
  </si>
  <si>
    <r>
      <t> </t>
    </r>
    <r>
      <rPr>
        <sz val="11"/>
        <color rgb="FF000000"/>
        <rFont val="Courier New"/>
        <family val="3"/>
      </rPr>
      <t>720 ILCS 570/402</t>
    </r>
  </si>
  <si>
    <t>2021DT45</t>
  </si>
  <si>
    <t>Not Guilty by Jury</t>
  </si>
  <si>
    <t>2021CF464</t>
  </si>
  <si>
    <t>2021DT302</t>
  </si>
  <si>
    <r>
      <t>   </t>
    </r>
    <r>
      <rPr>
        <sz val="11"/>
        <color theme="1"/>
        <rFont val="Courier New"/>
        <family val="3"/>
      </rPr>
      <t>720 ILCS 5/21-1</t>
    </r>
  </si>
  <si>
    <t>2022CM5</t>
  </si>
  <si>
    <t>Peyton StClair</t>
  </si>
  <si>
    <r>
      <rPr>
        <sz val="10"/>
        <color theme="1"/>
        <rFont val="Arial Unicode MS"/>
      </rPr>
      <t>    </t>
    </r>
    <r>
      <rPr>
        <sz val="10"/>
        <color theme="1"/>
        <rFont val="Courier New"/>
        <family val="3"/>
      </rPr>
      <t>625 ILCS 5/12-610.2</t>
    </r>
  </si>
  <si>
    <t>2021DT72</t>
  </si>
  <si>
    <t>2021DT273</t>
  </si>
  <si>
    <r>
      <rPr>
        <sz val="10"/>
        <color theme="1"/>
        <rFont val="Arial Unicode MS"/>
      </rPr>
      <t>    </t>
    </r>
    <r>
      <rPr>
        <sz val="10"/>
        <color theme="1"/>
        <rFont val="Courier New"/>
        <family val="3"/>
      </rPr>
      <t>625 ILCS 5/11-601.5</t>
    </r>
  </si>
  <si>
    <t>2021DT28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Calibri"/>
      <family val="2"/>
      <scheme val="minor"/>
    </font>
    <font>
      <sz val="20"/>
      <color theme="1"/>
      <name val="Calibri"/>
      <family val="2"/>
      <scheme val="minor"/>
    </font>
    <font>
      <sz val="28"/>
      <color theme="1"/>
      <name val="Calibri"/>
      <family val="2"/>
      <scheme val="minor"/>
    </font>
    <font>
      <sz val="10"/>
      <color theme="1"/>
      <name val="Courier New"/>
      <family val="3"/>
    </font>
    <font>
      <sz val="10"/>
      <color theme="1"/>
      <name val="Arial Unicode MS"/>
    </font>
    <font>
      <sz val="12"/>
      <color theme="1"/>
      <name val="Calibri"/>
      <family val="2"/>
      <scheme val="minor"/>
    </font>
    <font>
      <sz val="12"/>
      <color rgb="FF000000"/>
      <name val="Arial Unicode MS"/>
    </font>
    <font>
      <sz val="11"/>
      <color rgb="FF000000"/>
      <name val="Courier New"/>
      <family val="3"/>
    </font>
    <font>
      <sz val="11"/>
      <color rgb="FF000000"/>
      <name val="Arial Unicode MS"/>
    </font>
    <font>
      <sz val="11"/>
      <color theme="1"/>
      <name val="Arial Unicode MS"/>
    </font>
    <font>
      <sz val="11"/>
      <color theme="1"/>
      <name val="Courier New"/>
      <family val="3"/>
    </font>
    <font>
      <sz val="11"/>
      <color rgb="FF000000"/>
      <name val="Calibri"/>
      <family val="2"/>
      <scheme val="minor"/>
    </font>
    <font>
      <sz val="11"/>
      <color rgb="FF000000"/>
      <name val="Calibri"/>
      <family val="2"/>
    </font>
    <font>
      <sz val="12"/>
      <color rgb="FF000000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7">
    <xf numFmtId="0" fontId="0" fillId="0" borderId="0" xfId="0"/>
    <xf numFmtId="0" fontId="0" fillId="0" borderId="0" xfId="0" applyAlignment="1">
      <alignment wrapText="1"/>
    </xf>
    <xf numFmtId="0" fontId="0" fillId="0" borderId="0" xfId="0" applyAlignment="1">
      <alignment horizontal="center" wrapText="1"/>
    </xf>
    <xf numFmtId="0" fontId="0" fillId="0" borderId="0" xfId="0" applyAlignment="1">
      <alignment horizontal="center"/>
    </xf>
    <xf numFmtId="0" fontId="4" fillId="0" borderId="0" xfId="0" applyFont="1" applyAlignment="1">
      <alignment vertical="center" wrapText="1"/>
    </xf>
    <xf numFmtId="0" fontId="5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0" fillId="0" borderId="0" xfId="0" applyFont="1" applyFill="1" applyBorder="1" applyAlignment="1">
      <alignment horizontal="center"/>
    </xf>
    <xf numFmtId="0" fontId="6" fillId="0" borderId="0" xfId="0" applyFont="1"/>
    <xf numFmtId="14" fontId="5" fillId="0" borderId="0" xfId="0" applyNumberFormat="1" applyFont="1" applyFill="1" applyBorder="1"/>
    <xf numFmtId="14" fontId="5" fillId="0" borderId="0" xfId="0" applyNumberFormat="1" applyFont="1" applyFill="1" applyBorder="1" applyAlignment="1">
      <alignment horizontal="center"/>
    </xf>
    <xf numFmtId="14" fontId="5" fillId="0" borderId="0" xfId="0" applyNumberFormat="1" applyFont="1"/>
    <xf numFmtId="0" fontId="5" fillId="0" borderId="0" xfId="0" applyFont="1" applyAlignment="1">
      <alignment horizontal="center"/>
    </xf>
    <xf numFmtId="0" fontId="5" fillId="0" borderId="0" xfId="0" applyFont="1"/>
    <xf numFmtId="14" fontId="5" fillId="0" borderId="0" xfId="0" applyNumberFormat="1" applyFont="1" applyAlignment="1">
      <alignment horizontal="center"/>
    </xf>
    <xf numFmtId="0" fontId="5" fillId="2" borderId="0" xfId="0" applyFont="1" applyFill="1"/>
    <xf numFmtId="14" fontId="5" fillId="2" borderId="0" xfId="0" applyNumberFormat="1" applyFont="1" applyFill="1" applyAlignment="1">
      <alignment horizontal="center"/>
    </xf>
    <xf numFmtId="0" fontId="5" fillId="2" borderId="0" xfId="0" applyFont="1" applyFill="1" applyAlignment="1">
      <alignment horizontal="center"/>
    </xf>
    <xf numFmtId="0" fontId="5" fillId="0" borderId="0" xfId="0" applyFont="1" applyFill="1"/>
    <xf numFmtId="14" fontId="5" fillId="0" borderId="0" xfId="0" applyNumberFormat="1" applyFont="1" applyAlignment="1">
      <alignment horizontal="right"/>
    </xf>
    <xf numFmtId="0" fontId="5" fillId="0" borderId="0" xfId="0" applyFont="1" applyFill="1" applyAlignment="1">
      <alignment horizontal="center"/>
    </xf>
    <xf numFmtId="14" fontId="5" fillId="0" borderId="0" xfId="0" applyNumberFormat="1" applyFont="1" applyFill="1" applyAlignment="1">
      <alignment horizontal="center"/>
    </xf>
    <xf numFmtId="14" fontId="5" fillId="0" borderId="0" xfId="0" applyNumberFormat="1" applyFont="1" applyFill="1"/>
    <xf numFmtId="0" fontId="7" fillId="0" borderId="0" xfId="0" applyFont="1"/>
    <xf numFmtId="0" fontId="0" fillId="0" borderId="0" xfId="0" applyFont="1" applyFill="1" applyAlignment="1">
      <alignment horizontal="center"/>
    </xf>
    <xf numFmtId="0" fontId="8" fillId="0" borderId="0" xfId="0" applyFont="1"/>
    <xf numFmtId="0" fontId="9" fillId="0" borderId="0" xfId="0" applyFont="1" applyAlignment="1">
      <alignment vertical="center" wrapText="1"/>
    </xf>
    <xf numFmtId="0" fontId="11" fillId="0" borderId="0" xfId="0" applyFont="1" applyAlignment="1">
      <alignment horizontal="center"/>
    </xf>
    <xf numFmtId="0" fontId="0" fillId="0" borderId="0" xfId="0" applyFont="1" applyAlignment="1">
      <alignment horizontal="center" vertical="center" wrapText="1"/>
    </xf>
    <xf numFmtId="0" fontId="12" fillId="0" borderId="0" xfId="0" applyFont="1" applyAlignment="1">
      <alignment horizontal="center"/>
    </xf>
    <xf numFmtId="0" fontId="11" fillId="0" borderId="0" xfId="0" applyFont="1"/>
    <xf numFmtId="0" fontId="5" fillId="2" borderId="0" xfId="0" applyFont="1" applyFill="1" applyAlignment="1">
      <alignment horizontal="left"/>
    </xf>
    <xf numFmtId="0" fontId="13" fillId="0" borderId="0" xfId="0" applyFont="1"/>
    <xf numFmtId="14" fontId="5" fillId="0" borderId="0" xfId="0" applyNumberFormat="1" applyFont="1" applyFill="1" applyAlignment="1">
      <alignment horizontal="right"/>
    </xf>
    <xf numFmtId="0" fontId="2" fillId="0" borderId="0" xfId="0" applyFont="1" applyAlignment="1">
      <alignment horizontal="center" wrapText="1"/>
    </xf>
    <xf numFmtId="0" fontId="0" fillId="0" borderId="0" xfId="0" applyAlignment="1">
      <alignment horizontal="center" wrapText="1"/>
    </xf>
    <xf numFmtId="0" fontId="1" fillId="0" borderId="0" xfId="0" applyFont="1" applyAlignment="1">
      <alignment horizontal="center" vertical="center" wrapText="1"/>
    </xf>
  </cellXfs>
  <cellStyles count="1">
    <cellStyle name="Normal" xfId="0" builtinId="0"/>
  </cellStyles>
  <dxfs count="11">
    <dxf>
      <font>
        <strike val="0"/>
        <outline val="0"/>
        <shadow val="0"/>
        <u val="none"/>
        <vertAlign val="baseline"/>
        <sz val="12"/>
      </font>
    </dxf>
    <dxf>
      <font>
        <strike val="0"/>
        <outline val="0"/>
        <shadow val="0"/>
        <u val="none"/>
        <vertAlign val="baseline"/>
        <sz val="12"/>
      </font>
    </dxf>
    <dxf>
      <font>
        <strike val="0"/>
        <outline val="0"/>
        <shadow val="0"/>
        <u val="none"/>
        <vertAlign val="baseline"/>
        <sz val="12"/>
      </font>
      <alignment horizontal="center" vertical="bottom" textRotation="0" wrapText="0" indent="0" justifyLastLine="0" shrinkToFit="0" readingOrder="0"/>
    </dxf>
    <dxf>
      <font>
        <strike val="0"/>
        <outline val="0"/>
        <shadow val="0"/>
        <u val="none"/>
        <vertAlign val="baseline"/>
        <sz val="12"/>
      </font>
      <alignment horizontal="center" vertical="bottom" textRotation="0" wrapText="0" indent="0" justifyLastLine="0" shrinkToFit="0" readingOrder="0"/>
    </dxf>
    <dxf>
      <font>
        <strike val="0"/>
        <outline val="0"/>
        <shadow val="0"/>
        <u val="none"/>
        <vertAlign val="baseline"/>
        <sz val="11"/>
      </font>
      <alignment horizontal="center" textRotation="0" indent="0" justifyLastLine="0" shrinkToFit="0" readingOrder="0"/>
    </dxf>
    <dxf>
      <font>
        <strike val="0"/>
        <outline val="0"/>
        <shadow val="0"/>
        <u val="none"/>
        <vertAlign val="baseline"/>
        <sz val="12"/>
      </font>
    </dxf>
    <dxf>
      <font>
        <strike val="0"/>
        <outline val="0"/>
        <shadow val="0"/>
        <u val="none"/>
        <vertAlign val="baseline"/>
        <sz val="12"/>
      </font>
    </dxf>
    <dxf>
      <font>
        <strike val="0"/>
        <outline val="0"/>
        <shadow val="0"/>
        <u val="none"/>
        <vertAlign val="baseline"/>
        <sz val="12"/>
      </font>
      <alignment horizontal="center" textRotation="0" indent="0" justifyLastLine="0" shrinkToFit="0" readingOrder="0"/>
    </dxf>
    <dxf>
      <font>
        <strike val="0"/>
        <outline val="0"/>
        <shadow val="0"/>
        <u val="none"/>
        <vertAlign val="baseline"/>
        <sz val="12"/>
      </font>
    </dxf>
    <dxf>
      <border outline="0">
        <bottom style="thin">
          <color indexed="64"/>
        </bottom>
      </border>
    </dxf>
    <dxf>
      <font>
        <strike val="0"/>
        <outline val="0"/>
        <shadow val="0"/>
        <u val="none"/>
        <vertAlign val="baseline"/>
        <sz val="12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ables/table1.xml><?xml version="1.0" encoding="utf-8"?>
<table xmlns="http://schemas.openxmlformats.org/spreadsheetml/2006/main" id="1" name="Table1" displayName="Table1" ref="A3:I229" totalsRowShown="0" dataDxfId="10" tableBorderDxfId="9" headerRowCellStyle="Normal" dataCellStyle="Normal">
  <autoFilter ref="A3:I229"/>
  <sortState ref="A4:I229">
    <sortCondition ref="A3"/>
  </sortState>
  <tableColumns count="9">
    <tableColumn id="1" name="DATE" dataDxfId="8" dataCellStyle="Normal"/>
    <tableColumn id="2" name="TIME" dataDxfId="7" dataCellStyle="Normal"/>
    <tableColumn id="3" name="LOCATION" dataDxfId="6" dataCellStyle="Normal"/>
    <tableColumn id="4" name="OFFENSE" dataDxfId="5" dataCellStyle="Normal"/>
    <tableColumn id="5" name="ILCS CITATION OR ORDINANCE NUMBER" dataDxfId="4" dataCellStyle="Normal"/>
    <tableColumn id="6" name="DATE CHARGES FILED" dataDxfId="3" dataCellStyle="Normal"/>
    <tableColumn id="7" name="CASE NUMBER" dataDxfId="2" dataCellStyle="Normal"/>
    <tableColumn id="8" name="PARTY NAMES" dataDxfId="1" dataCellStyle="Normal"/>
    <tableColumn id="9" name="DISPOSITION (If Known)" dataDxfId="0" dataCellStyle="Normal"/>
  </tableColumns>
  <tableStyleInfo showFirstColumn="0" showLastColumn="0" showRowStripes="1" showColumnStripes="0"/>
</table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table" Target="../tables/table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I229"/>
  <sheetViews>
    <sheetView tabSelected="1" workbookViewId="0">
      <selection activeCell="E206" sqref="E206"/>
    </sheetView>
  </sheetViews>
  <sheetFormatPr defaultColWidth="8.7265625" defaultRowHeight="14.5" x14ac:dyDescent="0.35"/>
  <cols>
    <col min="1" max="1" width="17.54296875" style="1" customWidth="1"/>
    <col min="2" max="2" width="16.81640625" style="2" customWidth="1"/>
    <col min="3" max="3" width="33.7265625" style="1" customWidth="1"/>
    <col min="4" max="4" width="28.54296875" style="1" customWidth="1"/>
    <col min="5" max="5" width="27" style="1" customWidth="1"/>
    <col min="6" max="6" width="21.453125" style="1" customWidth="1"/>
    <col min="7" max="7" width="18.7265625" style="1" customWidth="1"/>
    <col min="8" max="8" width="33" style="1" customWidth="1"/>
    <col min="9" max="9" width="33.7265625" style="1" customWidth="1"/>
    <col min="10" max="16384" width="8.7265625" style="1"/>
  </cols>
  <sheetData>
    <row r="1" spans="1:9" ht="37.5" customHeight="1" x14ac:dyDescent="0.8">
      <c r="A1" s="34" t="s">
        <v>9</v>
      </c>
      <c r="B1" s="35"/>
      <c r="C1" s="35"/>
      <c r="D1" s="35"/>
      <c r="E1" s="35"/>
      <c r="F1" s="35"/>
      <c r="G1" s="35"/>
      <c r="H1" s="35"/>
      <c r="I1" s="35"/>
    </row>
    <row r="2" spans="1:9" ht="54" customHeight="1" x14ac:dyDescent="0.35">
      <c r="A2" s="36" t="s">
        <v>13</v>
      </c>
      <c r="B2" s="36"/>
      <c r="C2" s="36"/>
      <c r="D2" s="36"/>
      <c r="E2" s="36"/>
      <c r="F2" s="36"/>
      <c r="G2" s="36"/>
      <c r="H2" s="36"/>
      <c r="I2" s="36"/>
    </row>
    <row r="3" spans="1:9" ht="42" customHeight="1" x14ac:dyDescent="0.35">
      <c r="A3" t="s">
        <v>0</v>
      </c>
      <c r="B3" s="3" t="s">
        <v>1</v>
      </c>
      <c r="C3" t="s">
        <v>2</v>
      </c>
      <c r="D3" t="s">
        <v>3</v>
      </c>
      <c r="E3" t="s">
        <v>4</v>
      </c>
      <c r="F3" t="s">
        <v>5</v>
      </c>
      <c r="G3" t="s">
        <v>7</v>
      </c>
      <c r="H3" t="s">
        <v>8</v>
      </c>
      <c r="I3" t="s">
        <v>6</v>
      </c>
    </row>
    <row r="4" spans="1:9" ht="15.5" x14ac:dyDescent="0.35">
      <c r="A4" s="22">
        <v>44197</v>
      </c>
      <c r="B4" s="20">
        <v>2109</v>
      </c>
      <c r="C4" s="18" t="s">
        <v>24</v>
      </c>
      <c r="D4" s="18" t="s">
        <v>448</v>
      </c>
      <c r="E4" s="23" t="s">
        <v>749</v>
      </c>
      <c r="F4" s="21">
        <v>44197</v>
      </c>
      <c r="G4" s="20" t="s">
        <v>750</v>
      </c>
      <c r="H4" s="18" t="s">
        <v>751</v>
      </c>
      <c r="I4" s="18" t="s">
        <v>365</v>
      </c>
    </row>
    <row r="5" spans="1:9" ht="15.5" x14ac:dyDescent="0.35">
      <c r="A5" s="11">
        <v>44199</v>
      </c>
      <c r="B5" s="6">
        <v>1553</v>
      </c>
      <c r="C5" s="18" t="s">
        <v>529</v>
      </c>
      <c r="D5" s="18" t="s">
        <v>380</v>
      </c>
      <c r="E5" s="24" t="s">
        <v>380</v>
      </c>
      <c r="F5" s="21">
        <v>44200</v>
      </c>
      <c r="G5" s="20" t="s">
        <v>530</v>
      </c>
      <c r="H5" s="18" t="s">
        <v>43</v>
      </c>
      <c r="I5" s="18" t="s">
        <v>380</v>
      </c>
    </row>
    <row r="6" spans="1:9" ht="15.5" x14ac:dyDescent="0.35">
      <c r="A6" s="22">
        <v>44199</v>
      </c>
      <c r="B6" s="20">
        <v>2109</v>
      </c>
      <c r="C6" s="18" t="s">
        <v>540</v>
      </c>
      <c r="D6" s="18" t="s">
        <v>11</v>
      </c>
      <c r="E6" s="7" t="s">
        <v>331</v>
      </c>
      <c r="F6" s="21">
        <v>44199</v>
      </c>
      <c r="G6" s="20" t="s">
        <v>542</v>
      </c>
      <c r="H6" s="18" t="s">
        <v>541</v>
      </c>
      <c r="I6" s="18" t="s">
        <v>10</v>
      </c>
    </row>
    <row r="7" spans="1:9" ht="16.5" x14ac:dyDescent="0.45">
      <c r="A7" s="22">
        <v>44199</v>
      </c>
      <c r="B7" s="20">
        <v>1649</v>
      </c>
      <c r="C7" s="18" t="s">
        <v>623</v>
      </c>
      <c r="D7" s="18" t="s">
        <v>19</v>
      </c>
      <c r="E7" s="25" t="s">
        <v>758</v>
      </c>
      <c r="F7" s="21">
        <v>44200</v>
      </c>
      <c r="G7" s="20" t="s">
        <v>624</v>
      </c>
      <c r="H7" s="18" t="s">
        <v>625</v>
      </c>
      <c r="I7" s="18" t="s">
        <v>12</v>
      </c>
    </row>
    <row r="8" spans="1:9" ht="15.5" x14ac:dyDescent="0.35">
      <c r="A8" s="22">
        <v>44199</v>
      </c>
      <c r="B8" s="20">
        <v>203</v>
      </c>
      <c r="C8" s="18" t="s">
        <v>682</v>
      </c>
      <c r="D8" s="18" t="s">
        <v>11</v>
      </c>
      <c r="E8" s="7" t="s">
        <v>331</v>
      </c>
      <c r="F8" s="21">
        <v>44199</v>
      </c>
      <c r="G8" s="20" t="s">
        <v>683</v>
      </c>
      <c r="H8" s="18" t="s">
        <v>684</v>
      </c>
      <c r="I8" s="18" t="s">
        <v>12</v>
      </c>
    </row>
    <row r="9" spans="1:9" ht="15.5" x14ac:dyDescent="0.35">
      <c r="A9" s="11">
        <v>44203</v>
      </c>
      <c r="B9" s="6">
        <v>1739</v>
      </c>
      <c r="C9" s="13" t="s">
        <v>524</v>
      </c>
      <c r="D9" s="13" t="s">
        <v>278</v>
      </c>
      <c r="E9" s="7" t="s">
        <v>298</v>
      </c>
      <c r="F9" s="14">
        <v>44204</v>
      </c>
      <c r="G9" s="12" t="s">
        <v>525</v>
      </c>
      <c r="H9" s="13" t="s">
        <v>526</v>
      </c>
      <c r="I9" s="13" t="s">
        <v>12</v>
      </c>
    </row>
    <row r="10" spans="1:9" ht="15.5" x14ac:dyDescent="0.35">
      <c r="A10" s="22">
        <v>44203</v>
      </c>
      <c r="B10" s="20">
        <v>1739</v>
      </c>
      <c r="C10" s="18" t="s">
        <v>524</v>
      </c>
      <c r="D10" s="18" t="s">
        <v>278</v>
      </c>
      <c r="E10" s="24" t="s">
        <v>298</v>
      </c>
      <c r="F10" s="21">
        <v>44204</v>
      </c>
      <c r="G10" s="20" t="s">
        <v>525</v>
      </c>
      <c r="H10" s="18" t="s">
        <v>526</v>
      </c>
      <c r="I10" s="18" t="s">
        <v>173</v>
      </c>
    </row>
    <row r="11" spans="1:9" ht="15.5" x14ac:dyDescent="0.35">
      <c r="A11" s="22">
        <v>44206</v>
      </c>
      <c r="B11" s="20">
        <v>2223</v>
      </c>
      <c r="C11" s="18" t="s">
        <v>565</v>
      </c>
      <c r="D11" s="18" t="s">
        <v>11</v>
      </c>
      <c r="E11" s="7" t="s">
        <v>331</v>
      </c>
      <c r="F11" s="21">
        <v>44206</v>
      </c>
      <c r="G11" s="20" t="s">
        <v>566</v>
      </c>
      <c r="H11" s="18" t="s">
        <v>567</v>
      </c>
      <c r="I11" s="18" t="s">
        <v>10</v>
      </c>
    </row>
    <row r="12" spans="1:9" ht="15.5" x14ac:dyDescent="0.35">
      <c r="A12" s="22">
        <v>44213</v>
      </c>
      <c r="B12" s="20">
        <v>324</v>
      </c>
      <c r="C12" s="18" t="s">
        <v>691</v>
      </c>
      <c r="D12" s="32" t="s">
        <v>693</v>
      </c>
      <c r="E12" s="23" t="s">
        <v>692</v>
      </c>
      <c r="F12" s="21">
        <v>44213</v>
      </c>
      <c r="G12" s="20" t="s">
        <v>694</v>
      </c>
      <c r="H12" s="18" t="s">
        <v>695</v>
      </c>
      <c r="I12" s="18" t="s">
        <v>15</v>
      </c>
    </row>
    <row r="13" spans="1:9" ht="15.5" x14ac:dyDescent="0.35">
      <c r="A13" s="11">
        <v>44215</v>
      </c>
      <c r="B13" s="6">
        <v>2026</v>
      </c>
      <c r="C13" s="13" t="s">
        <v>527</v>
      </c>
      <c r="D13" s="13" t="s">
        <v>278</v>
      </c>
      <c r="E13" s="7" t="s">
        <v>298</v>
      </c>
      <c r="F13" s="14">
        <v>44215</v>
      </c>
      <c r="G13" s="12" t="s">
        <v>197</v>
      </c>
      <c r="H13" s="13" t="s">
        <v>528</v>
      </c>
      <c r="I13" s="13" t="s">
        <v>12</v>
      </c>
    </row>
    <row r="14" spans="1:9" ht="15.5" x14ac:dyDescent="0.35">
      <c r="A14" s="11">
        <v>44216</v>
      </c>
      <c r="B14" s="6">
        <v>1710</v>
      </c>
      <c r="C14" s="13" t="s">
        <v>522</v>
      </c>
      <c r="D14" s="13" t="s">
        <v>278</v>
      </c>
      <c r="E14" s="7" t="s">
        <v>298</v>
      </c>
      <c r="F14" s="14">
        <v>44217</v>
      </c>
      <c r="G14" s="12" t="s">
        <v>523</v>
      </c>
      <c r="H14" s="13" t="s">
        <v>44</v>
      </c>
      <c r="I14" s="13" t="s">
        <v>10</v>
      </c>
    </row>
    <row r="15" spans="1:9" ht="15.5" x14ac:dyDescent="0.35">
      <c r="A15" s="22">
        <v>44216</v>
      </c>
      <c r="B15" s="20">
        <v>1928</v>
      </c>
      <c r="C15" s="18" t="s">
        <v>646</v>
      </c>
      <c r="D15" s="18" t="s">
        <v>11</v>
      </c>
      <c r="E15" s="7" t="s">
        <v>331</v>
      </c>
      <c r="F15" s="21">
        <v>44216</v>
      </c>
      <c r="G15" s="20" t="s">
        <v>647</v>
      </c>
      <c r="H15" s="18" t="s">
        <v>648</v>
      </c>
      <c r="I15" s="18" t="s">
        <v>12</v>
      </c>
    </row>
    <row r="16" spans="1:9" ht="16.5" x14ac:dyDescent="0.35">
      <c r="A16" s="22">
        <v>44218</v>
      </c>
      <c r="B16" s="20">
        <v>424</v>
      </c>
      <c r="C16" s="18" t="s">
        <v>651</v>
      </c>
      <c r="D16" s="18" t="s">
        <v>652</v>
      </c>
      <c r="E16" s="26" t="s">
        <v>759</v>
      </c>
      <c r="F16" s="21">
        <v>44218</v>
      </c>
      <c r="G16" s="20" t="s">
        <v>653</v>
      </c>
      <c r="H16" s="18" t="s">
        <v>654</v>
      </c>
      <c r="I16" s="18" t="s">
        <v>15</v>
      </c>
    </row>
    <row r="17" spans="1:9" ht="15.5" x14ac:dyDescent="0.35">
      <c r="A17" s="22">
        <v>44218</v>
      </c>
      <c r="B17" s="20">
        <v>2036</v>
      </c>
      <c r="C17" s="18" t="s">
        <v>726</v>
      </c>
      <c r="D17" s="18" t="s">
        <v>11</v>
      </c>
      <c r="E17" s="7" t="s">
        <v>331</v>
      </c>
      <c r="F17" s="21">
        <v>44218</v>
      </c>
      <c r="G17" s="17" t="s">
        <v>808</v>
      </c>
      <c r="H17" s="18" t="s">
        <v>727</v>
      </c>
      <c r="I17" s="15" t="s">
        <v>809</v>
      </c>
    </row>
    <row r="18" spans="1:9" ht="15.5" x14ac:dyDescent="0.35">
      <c r="A18" s="22">
        <v>44220</v>
      </c>
      <c r="B18" s="20">
        <v>1729</v>
      </c>
      <c r="C18" s="18" t="s">
        <v>642</v>
      </c>
      <c r="D18" s="18" t="s">
        <v>643</v>
      </c>
      <c r="E18" s="23" t="s">
        <v>22</v>
      </c>
      <c r="F18" s="21">
        <v>44220</v>
      </c>
      <c r="G18" s="20" t="s">
        <v>644</v>
      </c>
      <c r="H18" s="18" t="s">
        <v>645</v>
      </c>
      <c r="I18" s="18" t="s">
        <v>12</v>
      </c>
    </row>
    <row r="19" spans="1:9" ht="15.5" x14ac:dyDescent="0.35">
      <c r="A19" s="11">
        <v>44222</v>
      </c>
      <c r="B19" s="6">
        <v>1629</v>
      </c>
      <c r="C19" s="13" t="s">
        <v>515</v>
      </c>
      <c r="D19" s="13" t="s">
        <v>278</v>
      </c>
      <c r="E19" s="7" t="s">
        <v>298</v>
      </c>
      <c r="F19" s="14">
        <v>44223</v>
      </c>
      <c r="G19" s="12" t="s">
        <v>521</v>
      </c>
      <c r="H19" s="13" t="s">
        <v>520</v>
      </c>
      <c r="I19" s="13" t="s">
        <v>91</v>
      </c>
    </row>
    <row r="20" spans="1:9" ht="15.5" x14ac:dyDescent="0.35">
      <c r="A20" s="11">
        <v>44223</v>
      </c>
      <c r="B20" s="6">
        <v>2335</v>
      </c>
      <c r="C20" s="13" t="s">
        <v>351</v>
      </c>
      <c r="D20" s="13" t="s">
        <v>11</v>
      </c>
      <c r="E20" s="7" t="s">
        <v>331</v>
      </c>
      <c r="F20" s="14">
        <v>44223</v>
      </c>
      <c r="G20" s="12" t="s">
        <v>352</v>
      </c>
      <c r="H20" s="13" t="s">
        <v>353</v>
      </c>
      <c r="I20" s="13" t="s">
        <v>12</v>
      </c>
    </row>
    <row r="21" spans="1:9" ht="16.5" x14ac:dyDescent="0.45">
      <c r="A21" s="11">
        <v>44224</v>
      </c>
      <c r="B21" s="6">
        <v>1510</v>
      </c>
      <c r="C21" s="13" t="s">
        <v>447</v>
      </c>
      <c r="D21" s="13" t="s">
        <v>448</v>
      </c>
      <c r="E21" s="25" t="s">
        <v>760</v>
      </c>
      <c r="F21" s="14">
        <v>44224</v>
      </c>
      <c r="G21" s="12" t="s">
        <v>446</v>
      </c>
      <c r="H21" s="13" t="s">
        <v>445</v>
      </c>
      <c r="I21" s="13" t="s">
        <v>91</v>
      </c>
    </row>
    <row r="22" spans="1:9" ht="16.5" x14ac:dyDescent="0.45">
      <c r="A22" s="22">
        <v>44225</v>
      </c>
      <c r="B22" s="20">
        <v>1433</v>
      </c>
      <c r="C22" s="18" t="s">
        <v>728</v>
      </c>
      <c r="D22" s="18" t="s">
        <v>19</v>
      </c>
      <c r="E22" s="25" t="s">
        <v>758</v>
      </c>
      <c r="F22" s="21">
        <v>44225</v>
      </c>
      <c r="G22" s="20" t="s">
        <v>511</v>
      </c>
      <c r="H22" s="18" t="s">
        <v>729</v>
      </c>
      <c r="I22" s="18" t="s">
        <v>730</v>
      </c>
    </row>
    <row r="23" spans="1:9" ht="16.5" x14ac:dyDescent="0.35">
      <c r="A23" s="22">
        <v>44231</v>
      </c>
      <c r="B23" s="20">
        <v>2256</v>
      </c>
      <c r="C23" s="18" t="s">
        <v>713</v>
      </c>
      <c r="D23" s="18" t="s">
        <v>717</v>
      </c>
      <c r="E23" s="26" t="s">
        <v>761</v>
      </c>
      <c r="F23" s="21">
        <v>44231</v>
      </c>
      <c r="G23" s="20" t="s">
        <v>718</v>
      </c>
      <c r="H23" s="18" t="s">
        <v>715</v>
      </c>
      <c r="I23" s="18" t="s">
        <v>12</v>
      </c>
    </row>
    <row r="24" spans="1:9" ht="16.5" x14ac:dyDescent="0.35">
      <c r="A24" s="22">
        <v>44231</v>
      </c>
      <c r="B24" s="20">
        <v>2215</v>
      </c>
      <c r="C24" s="18" t="s">
        <v>722</v>
      </c>
      <c r="D24" s="18" t="s">
        <v>723</v>
      </c>
      <c r="E24" s="26" t="s">
        <v>762</v>
      </c>
      <c r="F24" s="21">
        <v>44231</v>
      </c>
      <c r="G24" s="20" t="s">
        <v>724</v>
      </c>
      <c r="H24" s="18" t="s">
        <v>725</v>
      </c>
      <c r="I24" s="18" t="s">
        <v>10</v>
      </c>
    </row>
    <row r="25" spans="1:9" ht="16.5" x14ac:dyDescent="0.45">
      <c r="A25" s="22">
        <v>44232</v>
      </c>
      <c r="B25" s="20">
        <v>1130</v>
      </c>
      <c r="C25" s="18" t="s">
        <v>719</v>
      </c>
      <c r="D25" s="18" t="s">
        <v>720</v>
      </c>
      <c r="E25" s="25" t="s">
        <v>763</v>
      </c>
      <c r="F25" s="21">
        <v>44232</v>
      </c>
      <c r="G25" s="20" t="s">
        <v>124</v>
      </c>
      <c r="H25" s="18" t="s">
        <v>721</v>
      </c>
      <c r="I25" s="18" t="s">
        <v>12</v>
      </c>
    </row>
    <row r="26" spans="1:9" ht="16.5" x14ac:dyDescent="0.45">
      <c r="A26" s="22">
        <v>44233</v>
      </c>
      <c r="B26" s="20">
        <v>1033</v>
      </c>
      <c r="C26" s="18" t="s">
        <v>54</v>
      </c>
      <c r="D26" s="18" t="s">
        <v>30</v>
      </c>
      <c r="E26" s="25" t="s">
        <v>764</v>
      </c>
      <c r="F26" s="21">
        <v>44233</v>
      </c>
      <c r="G26" s="20" t="s">
        <v>168</v>
      </c>
      <c r="H26" s="18" t="s">
        <v>716</v>
      </c>
      <c r="I26" s="18" t="s">
        <v>10</v>
      </c>
    </row>
    <row r="27" spans="1:9" ht="16.5" x14ac:dyDescent="0.45">
      <c r="A27" s="22">
        <v>44234</v>
      </c>
      <c r="B27" s="20">
        <v>106</v>
      </c>
      <c r="C27" s="18" t="s">
        <v>54</v>
      </c>
      <c r="D27" s="18" t="s">
        <v>705</v>
      </c>
      <c r="E27" s="25" t="s">
        <v>765</v>
      </c>
      <c r="F27" s="21">
        <v>44234</v>
      </c>
      <c r="G27" s="20" t="s">
        <v>706</v>
      </c>
      <c r="H27" s="18" t="s">
        <v>707</v>
      </c>
      <c r="I27" s="18" t="s">
        <v>12</v>
      </c>
    </row>
    <row r="28" spans="1:9" ht="16.5" x14ac:dyDescent="0.35">
      <c r="A28" s="22">
        <v>44236</v>
      </c>
      <c r="B28" s="20">
        <v>1933</v>
      </c>
      <c r="C28" s="18" t="s">
        <v>669</v>
      </c>
      <c r="D28" s="18" t="s">
        <v>670</v>
      </c>
      <c r="E28" s="26" t="s">
        <v>761</v>
      </c>
      <c r="F28" s="21">
        <v>44232</v>
      </c>
      <c r="G28" s="20" t="s">
        <v>671</v>
      </c>
      <c r="H28" s="18" t="s">
        <v>672</v>
      </c>
      <c r="I28" s="18" t="s">
        <v>91</v>
      </c>
    </row>
    <row r="29" spans="1:9" ht="16.5" x14ac:dyDescent="0.35">
      <c r="A29" s="22">
        <v>44236</v>
      </c>
      <c r="B29" s="20">
        <v>2004</v>
      </c>
      <c r="C29" s="18" t="s">
        <v>713</v>
      </c>
      <c r="D29" s="18" t="s">
        <v>670</v>
      </c>
      <c r="E29" s="26" t="s">
        <v>761</v>
      </c>
      <c r="F29" s="21">
        <v>44236</v>
      </c>
      <c r="G29" s="20" t="s">
        <v>714</v>
      </c>
      <c r="H29" s="18" t="s">
        <v>715</v>
      </c>
      <c r="I29" s="18" t="s">
        <v>12</v>
      </c>
    </row>
    <row r="30" spans="1:9" ht="15.5" x14ac:dyDescent="0.35">
      <c r="A30" s="22">
        <v>44240</v>
      </c>
      <c r="B30" s="20">
        <v>2347</v>
      </c>
      <c r="C30" s="18" t="s">
        <v>661</v>
      </c>
      <c r="D30" s="18" t="s">
        <v>11</v>
      </c>
      <c r="E30" s="7" t="s">
        <v>331</v>
      </c>
      <c r="F30" s="21">
        <v>44240</v>
      </c>
      <c r="G30" s="17" t="s">
        <v>816</v>
      </c>
      <c r="H30" s="18" t="s">
        <v>814</v>
      </c>
      <c r="I30" s="15" t="s">
        <v>91</v>
      </c>
    </row>
    <row r="31" spans="1:9" ht="16.5" x14ac:dyDescent="0.35">
      <c r="A31" s="22">
        <v>44241</v>
      </c>
      <c r="B31" s="20">
        <v>2326</v>
      </c>
      <c r="C31" s="18" t="s">
        <v>701</v>
      </c>
      <c r="D31" s="18" t="s">
        <v>702</v>
      </c>
      <c r="E31" s="26" t="s">
        <v>766</v>
      </c>
      <c r="F31" s="21">
        <v>44241</v>
      </c>
      <c r="G31" s="20" t="s">
        <v>703</v>
      </c>
      <c r="H31" s="18" t="s">
        <v>704</v>
      </c>
      <c r="I31" s="18" t="s">
        <v>12</v>
      </c>
    </row>
    <row r="32" spans="1:9" ht="16.5" x14ac:dyDescent="0.35">
      <c r="A32" s="22">
        <v>44243</v>
      </c>
      <c r="B32" s="20">
        <v>914</v>
      </c>
      <c r="C32" s="18" t="s">
        <v>54</v>
      </c>
      <c r="D32" s="18" t="s">
        <v>211</v>
      </c>
      <c r="E32" s="26" t="s">
        <v>767</v>
      </c>
      <c r="F32" s="21">
        <v>44243</v>
      </c>
      <c r="G32" s="20" t="s">
        <v>697</v>
      </c>
      <c r="H32" s="18" t="s">
        <v>696</v>
      </c>
      <c r="I32" s="18" t="s">
        <v>12</v>
      </c>
    </row>
    <row r="33" spans="1:9" ht="16.5" x14ac:dyDescent="0.45">
      <c r="A33" s="22">
        <v>44243</v>
      </c>
      <c r="B33" s="20">
        <v>2228</v>
      </c>
      <c r="C33" s="18" t="s">
        <v>54</v>
      </c>
      <c r="D33" s="18" t="s">
        <v>395</v>
      </c>
      <c r="E33" s="25" t="s">
        <v>768</v>
      </c>
      <c r="F33" s="21">
        <v>44243</v>
      </c>
      <c r="G33" s="20" t="s">
        <v>711</v>
      </c>
      <c r="H33" s="18" t="s">
        <v>712</v>
      </c>
      <c r="I33" s="18" t="s">
        <v>12</v>
      </c>
    </row>
    <row r="34" spans="1:9" ht="16.5" x14ac:dyDescent="0.45">
      <c r="A34" s="22">
        <v>44245</v>
      </c>
      <c r="B34" s="20">
        <v>1002</v>
      </c>
      <c r="C34" s="18" t="s">
        <v>54</v>
      </c>
      <c r="D34" s="18" t="s">
        <v>30</v>
      </c>
      <c r="E34" s="25" t="s">
        <v>764</v>
      </c>
      <c r="F34" s="21">
        <v>44292</v>
      </c>
      <c r="G34" s="20" t="s">
        <v>649</v>
      </c>
      <c r="H34" s="18" t="s">
        <v>650</v>
      </c>
      <c r="I34" s="18" t="s">
        <v>15</v>
      </c>
    </row>
    <row r="35" spans="1:9" ht="16.5" x14ac:dyDescent="0.45">
      <c r="A35" s="22">
        <v>44245</v>
      </c>
      <c r="B35" s="20">
        <v>1002</v>
      </c>
      <c r="C35" s="18" t="s">
        <v>54</v>
      </c>
      <c r="D35" s="18" t="s">
        <v>746</v>
      </c>
      <c r="E35" s="25" t="s">
        <v>769</v>
      </c>
      <c r="F35" s="21">
        <v>44245</v>
      </c>
      <c r="G35" s="20" t="s">
        <v>649</v>
      </c>
      <c r="H35" s="18" t="s">
        <v>650</v>
      </c>
      <c r="I35" s="18" t="s">
        <v>10</v>
      </c>
    </row>
    <row r="36" spans="1:9" ht="15.5" x14ac:dyDescent="0.35">
      <c r="A36" s="22">
        <v>44246</v>
      </c>
      <c r="B36" s="20">
        <v>1900</v>
      </c>
      <c r="C36" s="18" t="s">
        <v>571</v>
      </c>
      <c r="D36" s="18" t="s">
        <v>11</v>
      </c>
      <c r="E36" s="7" t="s">
        <v>331</v>
      </c>
      <c r="F36" s="21">
        <v>44246</v>
      </c>
      <c r="G36" s="20" t="s">
        <v>572</v>
      </c>
      <c r="H36" s="18" t="s">
        <v>573</v>
      </c>
      <c r="I36" s="18" t="s">
        <v>12</v>
      </c>
    </row>
    <row r="37" spans="1:9" ht="15.5" x14ac:dyDescent="0.35">
      <c r="A37" s="11">
        <v>44247</v>
      </c>
      <c r="B37" s="6">
        <v>2319</v>
      </c>
      <c r="C37" s="13" t="s">
        <v>479</v>
      </c>
      <c r="D37" s="13" t="s">
        <v>11</v>
      </c>
      <c r="E37" s="7" t="s">
        <v>331</v>
      </c>
      <c r="F37" s="14">
        <v>44247</v>
      </c>
      <c r="G37" s="12" t="s">
        <v>480</v>
      </c>
      <c r="H37" s="13" t="s">
        <v>481</v>
      </c>
      <c r="I37" s="13" t="s">
        <v>12</v>
      </c>
    </row>
    <row r="38" spans="1:9" ht="15.5" x14ac:dyDescent="0.35">
      <c r="A38" s="11">
        <v>44248</v>
      </c>
      <c r="B38" s="6">
        <v>325</v>
      </c>
      <c r="C38" s="13" t="s">
        <v>68</v>
      </c>
      <c r="D38" s="13" t="s">
        <v>11</v>
      </c>
      <c r="E38" s="27" t="s">
        <v>75</v>
      </c>
      <c r="F38" s="14">
        <v>44312</v>
      </c>
      <c r="G38" s="12" t="s">
        <v>76</v>
      </c>
      <c r="H38" s="13" t="s">
        <v>77</v>
      </c>
      <c r="I38" s="13" t="s">
        <v>10</v>
      </c>
    </row>
    <row r="39" spans="1:9" ht="15.5" x14ac:dyDescent="0.35">
      <c r="A39" s="22">
        <v>44249</v>
      </c>
      <c r="B39" s="20">
        <v>1830</v>
      </c>
      <c r="C39" s="18" t="s">
        <v>708</v>
      </c>
      <c r="D39" s="18" t="s">
        <v>441</v>
      </c>
      <c r="E39" s="23" t="s">
        <v>28</v>
      </c>
      <c r="F39" s="21">
        <v>44249</v>
      </c>
      <c r="G39" s="20" t="s">
        <v>709</v>
      </c>
      <c r="H39" s="18" t="s">
        <v>710</v>
      </c>
      <c r="I39" s="18" t="s">
        <v>12</v>
      </c>
    </row>
    <row r="40" spans="1:9" ht="16.5" x14ac:dyDescent="0.45">
      <c r="A40" s="11">
        <v>44250</v>
      </c>
      <c r="B40" s="6">
        <v>933</v>
      </c>
      <c r="C40" s="13" t="s">
        <v>54</v>
      </c>
      <c r="D40" s="13" t="s">
        <v>30</v>
      </c>
      <c r="E40" s="25" t="s">
        <v>770</v>
      </c>
      <c r="F40" s="14">
        <v>44258</v>
      </c>
      <c r="G40" s="12" t="s">
        <v>304</v>
      </c>
      <c r="H40" s="13" t="s">
        <v>31</v>
      </c>
      <c r="I40" s="13" t="s">
        <v>10</v>
      </c>
    </row>
    <row r="41" spans="1:9" ht="16.5" x14ac:dyDescent="0.45">
      <c r="A41" s="11">
        <v>44250</v>
      </c>
      <c r="B41" s="6">
        <v>259</v>
      </c>
      <c r="C41" s="13" t="s">
        <v>512</v>
      </c>
      <c r="D41" s="13" t="s">
        <v>266</v>
      </c>
      <c r="E41" s="25" t="s">
        <v>771</v>
      </c>
      <c r="F41" s="14">
        <v>44250</v>
      </c>
      <c r="G41" s="12" t="s">
        <v>514</v>
      </c>
      <c r="H41" s="13" t="s">
        <v>513</v>
      </c>
      <c r="I41" s="13" t="s">
        <v>10</v>
      </c>
    </row>
    <row r="42" spans="1:9" ht="16.5" x14ac:dyDescent="0.45">
      <c r="A42" s="11">
        <v>44251</v>
      </c>
      <c r="B42" s="6">
        <v>1938</v>
      </c>
      <c r="C42" s="13" t="s">
        <v>344</v>
      </c>
      <c r="D42" s="13" t="s">
        <v>266</v>
      </c>
      <c r="E42" s="25" t="s">
        <v>771</v>
      </c>
      <c r="F42" s="14">
        <v>44251</v>
      </c>
      <c r="G42" s="12" t="s">
        <v>345</v>
      </c>
      <c r="H42" s="13" t="s">
        <v>346</v>
      </c>
      <c r="I42" s="13" t="s">
        <v>12</v>
      </c>
    </row>
    <row r="43" spans="1:9" ht="15.5" x14ac:dyDescent="0.35">
      <c r="A43" s="22">
        <v>44251</v>
      </c>
      <c r="B43" s="20">
        <v>19</v>
      </c>
      <c r="C43" s="18" t="s">
        <v>604</v>
      </c>
      <c r="D43" s="18" t="s">
        <v>11</v>
      </c>
      <c r="E43" s="7" t="s">
        <v>331</v>
      </c>
      <c r="F43" s="21">
        <v>44251</v>
      </c>
      <c r="G43" s="20" t="s">
        <v>605</v>
      </c>
      <c r="H43" s="18" t="s">
        <v>606</v>
      </c>
      <c r="I43" s="18" t="s">
        <v>12</v>
      </c>
    </row>
    <row r="44" spans="1:9" ht="15.5" x14ac:dyDescent="0.35">
      <c r="A44" s="22">
        <v>44253</v>
      </c>
      <c r="B44" s="20">
        <v>923</v>
      </c>
      <c r="C44" s="18" t="s">
        <v>658</v>
      </c>
      <c r="D44" s="18" t="s">
        <v>600</v>
      </c>
      <c r="E44" s="23" t="s">
        <v>53</v>
      </c>
      <c r="F44" s="21">
        <v>44254</v>
      </c>
      <c r="G44" s="20" t="s">
        <v>659</v>
      </c>
      <c r="H44" s="18" t="s">
        <v>660</v>
      </c>
      <c r="I44" s="18" t="s">
        <v>12</v>
      </c>
    </row>
    <row r="45" spans="1:9" ht="15.5" x14ac:dyDescent="0.35">
      <c r="A45" s="22">
        <v>44256</v>
      </c>
      <c r="B45" s="20">
        <v>1722</v>
      </c>
      <c r="C45" s="18" t="s">
        <v>574</v>
      </c>
      <c r="D45" s="18" t="s">
        <v>11</v>
      </c>
      <c r="E45" s="7" t="s">
        <v>331</v>
      </c>
      <c r="F45" s="21">
        <v>44256</v>
      </c>
      <c r="G45" s="20" t="s">
        <v>575</v>
      </c>
      <c r="H45" s="18" t="s">
        <v>576</v>
      </c>
      <c r="I45" s="18" t="s">
        <v>12</v>
      </c>
    </row>
    <row r="46" spans="1:9" ht="15.5" x14ac:dyDescent="0.35">
      <c r="A46" s="22">
        <v>44257</v>
      </c>
      <c r="B46" s="20">
        <v>1712</v>
      </c>
      <c r="C46" s="18" t="s">
        <v>698</v>
      </c>
      <c r="D46" s="18" t="s">
        <v>676</v>
      </c>
      <c r="E46" s="24" t="s">
        <v>298</v>
      </c>
      <c r="F46" s="21">
        <v>44257</v>
      </c>
      <c r="G46" s="20" t="s">
        <v>699</v>
      </c>
      <c r="H46" s="18" t="s">
        <v>700</v>
      </c>
      <c r="I46" s="18" t="s">
        <v>10</v>
      </c>
    </row>
    <row r="47" spans="1:9" ht="16.5" x14ac:dyDescent="0.45">
      <c r="A47" s="22">
        <v>44259</v>
      </c>
      <c r="B47" s="20">
        <v>2152</v>
      </c>
      <c r="C47" s="18" t="s">
        <v>543</v>
      </c>
      <c r="D47" s="18" t="s">
        <v>544</v>
      </c>
      <c r="E47" s="25" t="s">
        <v>772</v>
      </c>
      <c r="F47" s="21">
        <v>44259</v>
      </c>
      <c r="G47" s="20" t="s">
        <v>545</v>
      </c>
      <c r="H47" s="18" t="s">
        <v>546</v>
      </c>
      <c r="I47" s="18" t="s">
        <v>12</v>
      </c>
    </row>
    <row r="48" spans="1:9" ht="15.5" x14ac:dyDescent="0.35">
      <c r="A48" s="11">
        <v>44260</v>
      </c>
      <c r="B48" s="6">
        <v>2033</v>
      </c>
      <c r="C48" s="13" t="s">
        <v>476</v>
      </c>
      <c r="D48" s="13" t="s">
        <v>11</v>
      </c>
      <c r="E48" s="7" t="s">
        <v>331</v>
      </c>
      <c r="F48" s="14">
        <v>44260</v>
      </c>
      <c r="G48" s="12" t="s">
        <v>478</v>
      </c>
      <c r="H48" s="13" t="s">
        <v>477</v>
      </c>
      <c r="I48" s="13" t="s">
        <v>10</v>
      </c>
    </row>
    <row r="49" spans="1:9" ht="16.5" x14ac:dyDescent="0.45">
      <c r="A49" s="22">
        <v>44260</v>
      </c>
      <c r="B49" s="20">
        <v>1808</v>
      </c>
      <c r="C49" s="18" t="s">
        <v>662</v>
      </c>
      <c r="D49" s="18" t="s">
        <v>16</v>
      </c>
      <c r="E49" s="25" t="s">
        <v>773</v>
      </c>
      <c r="F49" s="21">
        <v>44260</v>
      </c>
      <c r="G49" s="20" t="s">
        <v>663</v>
      </c>
      <c r="H49" s="18" t="s">
        <v>664</v>
      </c>
      <c r="I49" s="18" t="s">
        <v>15</v>
      </c>
    </row>
    <row r="50" spans="1:9" ht="15.5" x14ac:dyDescent="0.35">
      <c r="A50" s="11">
        <v>44261</v>
      </c>
      <c r="B50" s="6">
        <v>459</v>
      </c>
      <c r="C50" s="13" t="s">
        <v>495</v>
      </c>
      <c r="D50" s="13" t="s">
        <v>358</v>
      </c>
      <c r="E50" s="7" t="s">
        <v>425</v>
      </c>
      <c r="F50" s="14">
        <v>44261</v>
      </c>
      <c r="G50" s="12" t="s">
        <v>497</v>
      </c>
      <c r="H50" s="13" t="s">
        <v>496</v>
      </c>
      <c r="I50" s="13" t="s">
        <v>10</v>
      </c>
    </row>
    <row r="51" spans="1:9" ht="15.5" x14ac:dyDescent="0.35">
      <c r="A51" s="22">
        <v>44261</v>
      </c>
      <c r="B51" s="20">
        <v>2114</v>
      </c>
      <c r="C51" s="18" t="s">
        <v>592</v>
      </c>
      <c r="D51" s="18" t="s">
        <v>11</v>
      </c>
      <c r="E51" s="7" t="s">
        <v>331</v>
      </c>
      <c r="F51" s="21">
        <v>44261</v>
      </c>
      <c r="G51" s="20" t="s">
        <v>593</v>
      </c>
      <c r="H51" s="18" t="s">
        <v>594</v>
      </c>
      <c r="I51" s="18" t="s">
        <v>10</v>
      </c>
    </row>
    <row r="52" spans="1:9" ht="15.5" x14ac:dyDescent="0.35">
      <c r="A52" s="22">
        <v>44261</v>
      </c>
      <c r="B52" s="20">
        <v>2036</v>
      </c>
      <c r="C52" s="18" t="s">
        <v>655</v>
      </c>
      <c r="D52" s="18" t="s">
        <v>11</v>
      </c>
      <c r="E52" s="7" t="s">
        <v>331</v>
      </c>
      <c r="F52" s="21">
        <v>44261</v>
      </c>
      <c r="G52" s="20" t="s">
        <v>656</v>
      </c>
      <c r="H52" s="18" t="s">
        <v>657</v>
      </c>
      <c r="I52" s="18" t="s">
        <v>12</v>
      </c>
    </row>
    <row r="53" spans="1:9" ht="15.5" x14ac:dyDescent="0.35">
      <c r="A53" s="22">
        <v>44261</v>
      </c>
      <c r="B53" s="20">
        <v>1629</v>
      </c>
      <c r="C53" s="18" t="s">
        <v>685</v>
      </c>
      <c r="D53" s="18" t="s">
        <v>676</v>
      </c>
      <c r="E53" s="24" t="s">
        <v>298</v>
      </c>
      <c r="F53" s="21">
        <v>44263</v>
      </c>
      <c r="G53" s="20" t="s">
        <v>686</v>
      </c>
      <c r="H53" s="18" t="s">
        <v>687</v>
      </c>
      <c r="I53" s="18" t="s">
        <v>12</v>
      </c>
    </row>
    <row r="54" spans="1:9" ht="16.5" x14ac:dyDescent="0.45">
      <c r="A54" s="11">
        <v>44266</v>
      </c>
      <c r="B54" s="6">
        <v>2101</v>
      </c>
      <c r="C54" s="13" t="s">
        <v>54</v>
      </c>
      <c r="D54" s="13" t="s">
        <v>395</v>
      </c>
      <c r="E54" s="25" t="s">
        <v>768</v>
      </c>
      <c r="F54" s="14">
        <v>44431</v>
      </c>
      <c r="G54" s="12" t="s">
        <v>396</v>
      </c>
      <c r="H54" s="13" t="s">
        <v>397</v>
      </c>
      <c r="I54" s="13" t="s">
        <v>10</v>
      </c>
    </row>
    <row r="55" spans="1:9" ht="16.5" x14ac:dyDescent="0.45">
      <c r="A55" s="11">
        <v>44266</v>
      </c>
      <c r="B55" s="6">
        <v>921</v>
      </c>
      <c r="C55" s="13" t="s">
        <v>29</v>
      </c>
      <c r="D55" s="13" t="s">
        <v>398</v>
      </c>
      <c r="E55" s="25" t="s">
        <v>774</v>
      </c>
      <c r="F55" s="14">
        <v>44274</v>
      </c>
      <c r="G55" s="12" t="s">
        <v>399</v>
      </c>
      <c r="H55" s="13" t="s">
        <v>400</v>
      </c>
      <c r="I55" s="13" t="s">
        <v>10</v>
      </c>
    </row>
    <row r="56" spans="1:9" ht="15.5" x14ac:dyDescent="0.35">
      <c r="A56" s="22">
        <v>44267</v>
      </c>
      <c r="B56" s="20">
        <v>2235</v>
      </c>
      <c r="C56" s="18" t="s">
        <v>679</v>
      </c>
      <c r="D56" s="18" t="s">
        <v>676</v>
      </c>
      <c r="E56" s="24" t="s">
        <v>298</v>
      </c>
      <c r="F56" s="21">
        <v>44267</v>
      </c>
      <c r="G56" s="20" t="s">
        <v>680</v>
      </c>
      <c r="H56" s="18" t="s">
        <v>681</v>
      </c>
      <c r="I56" s="18" t="s">
        <v>10</v>
      </c>
    </row>
    <row r="57" spans="1:9" ht="15.5" x14ac:dyDescent="0.35">
      <c r="A57" s="22">
        <v>44268</v>
      </c>
      <c r="B57" s="20">
        <v>2353</v>
      </c>
      <c r="C57" s="18" t="s">
        <v>688</v>
      </c>
      <c r="D57" s="18" t="s">
        <v>676</v>
      </c>
      <c r="E57" s="24" t="s">
        <v>298</v>
      </c>
      <c r="F57" s="21">
        <v>44269</v>
      </c>
      <c r="G57" s="20" t="s">
        <v>689</v>
      </c>
      <c r="H57" s="18" t="s">
        <v>690</v>
      </c>
      <c r="I57" s="18" t="s">
        <v>12</v>
      </c>
    </row>
    <row r="58" spans="1:9" ht="15.5" x14ac:dyDescent="0.35">
      <c r="A58" s="11">
        <v>44269</v>
      </c>
      <c r="B58" s="6">
        <v>407</v>
      </c>
      <c r="C58" s="13" t="s">
        <v>279</v>
      </c>
      <c r="D58" s="13" t="s">
        <v>11</v>
      </c>
      <c r="E58" s="23" t="s">
        <v>75</v>
      </c>
      <c r="F58" s="14">
        <v>44269</v>
      </c>
      <c r="G58" s="12" t="s">
        <v>281</v>
      </c>
      <c r="H58" s="13" t="s">
        <v>280</v>
      </c>
      <c r="I58" s="13" t="s">
        <v>10</v>
      </c>
    </row>
    <row r="59" spans="1:9" ht="15.5" x14ac:dyDescent="0.35">
      <c r="A59" s="11">
        <v>44269</v>
      </c>
      <c r="B59" s="6">
        <v>157</v>
      </c>
      <c r="C59" s="13" t="s">
        <v>498</v>
      </c>
      <c r="D59" s="13" t="s">
        <v>11</v>
      </c>
      <c r="E59" s="7" t="s">
        <v>331</v>
      </c>
      <c r="F59" s="14">
        <v>44269</v>
      </c>
      <c r="G59" s="12" t="s">
        <v>500</v>
      </c>
      <c r="H59" s="13" t="s">
        <v>499</v>
      </c>
      <c r="I59" s="13" t="s">
        <v>10</v>
      </c>
    </row>
    <row r="60" spans="1:9" ht="15.5" x14ac:dyDescent="0.35">
      <c r="A60" s="22">
        <v>44269</v>
      </c>
      <c r="B60" s="20">
        <v>42</v>
      </c>
      <c r="C60" s="18" t="s">
        <v>673</v>
      </c>
      <c r="D60" s="18" t="s">
        <v>441</v>
      </c>
      <c r="E60" s="23" t="s">
        <v>28</v>
      </c>
      <c r="F60" s="21">
        <v>44269</v>
      </c>
      <c r="G60" s="20" t="s">
        <v>675</v>
      </c>
      <c r="H60" s="18" t="s">
        <v>674</v>
      </c>
      <c r="I60" s="18" t="s">
        <v>12</v>
      </c>
    </row>
    <row r="61" spans="1:9" ht="15.5" x14ac:dyDescent="0.35">
      <c r="A61" s="22">
        <v>44269</v>
      </c>
      <c r="B61" s="20">
        <v>42</v>
      </c>
      <c r="C61" s="18" t="s">
        <v>673</v>
      </c>
      <c r="D61" s="18" t="s">
        <v>676</v>
      </c>
      <c r="E61" s="24" t="s">
        <v>298</v>
      </c>
      <c r="F61" s="21">
        <v>44269</v>
      </c>
      <c r="G61" s="20" t="s">
        <v>677</v>
      </c>
      <c r="H61" s="18" t="s">
        <v>678</v>
      </c>
      <c r="I61" s="18" t="s">
        <v>91</v>
      </c>
    </row>
    <row r="62" spans="1:9" ht="16.5" x14ac:dyDescent="0.35">
      <c r="A62" s="22">
        <v>44271</v>
      </c>
      <c r="B62" s="20">
        <v>2325</v>
      </c>
      <c r="C62" s="18" t="s">
        <v>665</v>
      </c>
      <c r="D62" s="18" t="s">
        <v>666</v>
      </c>
      <c r="E62" s="26" t="s">
        <v>775</v>
      </c>
      <c r="F62" s="21">
        <v>44271</v>
      </c>
      <c r="G62" s="20" t="s">
        <v>667</v>
      </c>
      <c r="H62" s="18" t="s">
        <v>668</v>
      </c>
      <c r="I62" s="18" t="s">
        <v>10</v>
      </c>
    </row>
    <row r="63" spans="1:9" ht="15.5" x14ac:dyDescent="0.35">
      <c r="A63" s="22">
        <v>44275</v>
      </c>
      <c r="B63" s="20">
        <v>2032</v>
      </c>
      <c r="C63" s="18" t="s">
        <v>737</v>
      </c>
      <c r="D63" s="18" t="s">
        <v>676</v>
      </c>
      <c r="E63" s="24" t="s">
        <v>298</v>
      </c>
      <c r="F63" s="21">
        <v>44275</v>
      </c>
      <c r="G63" s="20" t="s">
        <v>738</v>
      </c>
      <c r="H63" s="18" t="s">
        <v>739</v>
      </c>
      <c r="I63" s="18" t="s">
        <v>12</v>
      </c>
    </row>
    <row r="64" spans="1:9" ht="15.5" x14ac:dyDescent="0.35">
      <c r="A64" s="11">
        <v>44281</v>
      </c>
      <c r="B64" s="6">
        <v>1653</v>
      </c>
      <c r="C64" s="13" t="s">
        <v>517</v>
      </c>
      <c r="D64" s="13" t="s">
        <v>16</v>
      </c>
      <c r="E64" s="7" t="s">
        <v>338</v>
      </c>
      <c r="F64" s="14">
        <v>44281</v>
      </c>
      <c r="G64" s="12" t="s">
        <v>518</v>
      </c>
      <c r="H64" s="13" t="s">
        <v>519</v>
      </c>
      <c r="I64" s="13" t="s">
        <v>10</v>
      </c>
    </row>
    <row r="65" spans="1:9" ht="15.5" x14ac:dyDescent="0.35">
      <c r="A65" s="22">
        <v>44282</v>
      </c>
      <c r="B65" s="20">
        <v>2338</v>
      </c>
      <c r="C65" s="18" t="s">
        <v>630</v>
      </c>
      <c r="D65" s="18" t="s">
        <v>11</v>
      </c>
      <c r="E65" s="7" t="s">
        <v>331</v>
      </c>
      <c r="F65" s="21">
        <v>44282</v>
      </c>
      <c r="G65" s="20" t="s">
        <v>631</v>
      </c>
      <c r="H65" s="18" t="s">
        <v>632</v>
      </c>
      <c r="I65" s="18" t="s">
        <v>10</v>
      </c>
    </row>
    <row r="66" spans="1:9" ht="15.5" x14ac:dyDescent="0.35">
      <c r="A66" s="11">
        <v>44289</v>
      </c>
      <c r="B66" s="6">
        <v>149</v>
      </c>
      <c r="C66" s="13" t="s">
        <v>95</v>
      </c>
      <c r="D66" s="13" t="s">
        <v>100</v>
      </c>
      <c r="E66" s="7" t="s">
        <v>17</v>
      </c>
      <c r="F66" s="14">
        <v>44291</v>
      </c>
      <c r="G66" s="12" t="s">
        <v>23</v>
      </c>
      <c r="H66" s="13" t="s">
        <v>96</v>
      </c>
      <c r="I66" s="13" t="s">
        <v>101</v>
      </c>
    </row>
    <row r="67" spans="1:9" ht="15.5" x14ac:dyDescent="0.35">
      <c r="A67" s="22">
        <v>44290</v>
      </c>
      <c r="B67" s="20">
        <v>143</v>
      </c>
      <c r="C67" s="18" t="s">
        <v>580</v>
      </c>
      <c r="D67" s="18" t="s">
        <v>11</v>
      </c>
      <c r="E67" s="7" t="s">
        <v>331</v>
      </c>
      <c r="F67" s="21">
        <v>44290</v>
      </c>
      <c r="G67" s="20" t="s">
        <v>581</v>
      </c>
      <c r="H67" s="18" t="s">
        <v>582</v>
      </c>
      <c r="I67" s="18" t="s">
        <v>12</v>
      </c>
    </row>
    <row r="68" spans="1:9" ht="15.5" x14ac:dyDescent="0.35">
      <c r="A68" s="22">
        <v>44292</v>
      </c>
      <c r="B68" s="20">
        <v>2332</v>
      </c>
      <c r="C68" s="18" t="s">
        <v>580</v>
      </c>
      <c r="D68" s="18" t="s">
        <v>11</v>
      </c>
      <c r="E68" s="7" t="s">
        <v>331</v>
      </c>
      <c r="F68" s="21">
        <v>44292</v>
      </c>
      <c r="G68" s="20" t="s">
        <v>747</v>
      </c>
      <c r="H68" s="18" t="s">
        <v>748</v>
      </c>
      <c r="I68" s="18" t="s">
        <v>12</v>
      </c>
    </row>
    <row r="69" spans="1:9" ht="15.5" x14ac:dyDescent="0.35">
      <c r="A69" s="22">
        <v>44297</v>
      </c>
      <c r="B69" s="20">
        <v>2016</v>
      </c>
      <c r="C69" s="18" t="s">
        <v>639</v>
      </c>
      <c r="D69" s="18" t="s">
        <v>278</v>
      </c>
      <c r="E69" s="24" t="s">
        <v>298</v>
      </c>
      <c r="F69" s="21">
        <v>44297</v>
      </c>
      <c r="G69" s="20" t="s">
        <v>640</v>
      </c>
      <c r="H69" s="18" t="s">
        <v>641</v>
      </c>
      <c r="I69" s="18" t="s">
        <v>12</v>
      </c>
    </row>
    <row r="70" spans="1:9" ht="15.5" x14ac:dyDescent="0.35">
      <c r="A70" s="33">
        <v>44300</v>
      </c>
      <c r="B70" s="20">
        <v>23</v>
      </c>
      <c r="C70" s="18" t="s">
        <v>755</v>
      </c>
      <c r="D70" s="18" t="s">
        <v>676</v>
      </c>
      <c r="E70" s="24" t="s">
        <v>298</v>
      </c>
      <c r="F70" s="21">
        <v>44300</v>
      </c>
      <c r="G70" s="20" t="s">
        <v>756</v>
      </c>
      <c r="H70" s="18" t="s">
        <v>757</v>
      </c>
      <c r="I70" s="18" t="s">
        <v>12</v>
      </c>
    </row>
    <row r="71" spans="1:9" ht="15.5" x14ac:dyDescent="0.35">
      <c r="A71" s="22">
        <v>44301</v>
      </c>
      <c r="B71" s="20">
        <v>1642</v>
      </c>
      <c r="C71" s="18" t="s">
        <v>752</v>
      </c>
      <c r="D71" s="18" t="s">
        <v>676</v>
      </c>
      <c r="E71" s="24" t="s">
        <v>298</v>
      </c>
      <c r="F71" s="21">
        <v>44301</v>
      </c>
      <c r="G71" s="20" t="s">
        <v>753</v>
      </c>
      <c r="H71" s="18" t="s">
        <v>754</v>
      </c>
      <c r="I71" s="18" t="s">
        <v>173</v>
      </c>
    </row>
    <row r="72" spans="1:9" ht="15.5" x14ac:dyDescent="0.35">
      <c r="A72" s="22">
        <v>44302</v>
      </c>
      <c r="B72" s="20">
        <v>2126</v>
      </c>
      <c r="C72" s="18" t="s">
        <v>740</v>
      </c>
      <c r="D72" s="18" t="s">
        <v>676</v>
      </c>
      <c r="E72" s="24" t="s">
        <v>298</v>
      </c>
      <c r="F72" s="21">
        <v>44302</v>
      </c>
      <c r="G72" s="20" t="s">
        <v>741</v>
      </c>
      <c r="H72" s="18" t="s">
        <v>742</v>
      </c>
      <c r="I72" s="18" t="s">
        <v>10</v>
      </c>
    </row>
    <row r="73" spans="1:9" ht="16.5" x14ac:dyDescent="0.45">
      <c r="A73" s="22">
        <v>44303</v>
      </c>
      <c r="B73" s="20">
        <v>1630</v>
      </c>
      <c r="C73" s="18" t="s">
        <v>610</v>
      </c>
      <c r="D73" s="18" t="s">
        <v>611</v>
      </c>
      <c r="E73" s="25" t="s">
        <v>776</v>
      </c>
      <c r="F73" s="21">
        <v>44303</v>
      </c>
      <c r="G73" s="20" t="s">
        <v>612</v>
      </c>
      <c r="H73" s="18" t="s">
        <v>613</v>
      </c>
      <c r="I73" s="18" t="s">
        <v>12</v>
      </c>
    </row>
    <row r="74" spans="1:9" ht="15.5" x14ac:dyDescent="0.35">
      <c r="A74" s="22">
        <v>44303</v>
      </c>
      <c r="B74" s="20">
        <v>257</v>
      </c>
      <c r="C74" s="18" t="s">
        <v>743</v>
      </c>
      <c r="D74" s="18" t="s">
        <v>441</v>
      </c>
      <c r="E74" s="23" t="s">
        <v>28</v>
      </c>
      <c r="F74" s="21">
        <v>44303</v>
      </c>
      <c r="G74" s="20" t="s">
        <v>744</v>
      </c>
      <c r="H74" s="18" t="s">
        <v>745</v>
      </c>
      <c r="I74" s="18" t="s">
        <v>12</v>
      </c>
    </row>
    <row r="75" spans="1:9" ht="15.5" x14ac:dyDescent="0.35">
      <c r="A75" s="22">
        <v>44305</v>
      </c>
      <c r="B75" s="20">
        <v>2358</v>
      </c>
      <c r="C75" s="18" t="s">
        <v>734</v>
      </c>
      <c r="D75" s="18" t="s">
        <v>676</v>
      </c>
      <c r="E75" s="24" t="s">
        <v>298</v>
      </c>
      <c r="F75" s="21">
        <v>44306</v>
      </c>
      <c r="G75" s="20" t="s">
        <v>735</v>
      </c>
      <c r="H75" s="18" t="s">
        <v>736</v>
      </c>
      <c r="I75" s="18" t="s">
        <v>12</v>
      </c>
    </row>
    <row r="76" spans="1:9" ht="15.5" x14ac:dyDescent="0.35">
      <c r="A76" s="22">
        <v>44307</v>
      </c>
      <c r="B76" s="20">
        <v>54</v>
      </c>
      <c r="C76" s="18" t="s">
        <v>583</v>
      </c>
      <c r="D76" s="18" t="s">
        <v>11</v>
      </c>
      <c r="E76" s="7" t="s">
        <v>331</v>
      </c>
      <c r="F76" s="21">
        <v>44307</v>
      </c>
      <c r="G76" s="20" t="s">
        <v>584</v>
      </c>
      <c r="H76" s="18" t="s">
        <v>585</v>
      </c>
      <c r="I76" s="18" t="s">
        <v>10</v>
      </c>
    </row>
    <row r="77" spans="1:9" ht="16.5" x14ac:dyDescent="0.35">
      <c r="A77" s="11">
        <v>44311</v>
      </c>
      <c r="B77" s="6">
        <v>1945</v>
      </c>
      <c r="C77" s="13" t="s">
        <v>408</v>
      </c>
      <c r="D77" s="13" t="s">
        <v>19</v>
      </c>
      <c r="E77" s="26" t="s">
        <v>777</v>
      </c>
      <c r="F77" s="14">
        <v>44311</v>
      </c>
      <c r="G77" s="12" t="s">
        <v>410</v>
      </c>
      <c r="H77" s="13" t="s">
        <v>409</v>
      </c>
      <c r="I77" s="13" t="s">
        <v>411</v>
      </c>
    </row>
    <row r="78" spans="1:9" ht="16.5" x14ac:dyDescent="0.35">
      <c r="A78" s="11">
        <v>44311</v>
      </c>
      <c r="B78" s="6">
        <v>1945</v>
      </c>
      <c r="C78" s="13" t="s">
        <v>408</v>
      </c>
      <c r="D78" s="13" t="s">
        <v>19</v>
      </c>
      <c r="E78" s="26" t="s">
        <v>777</v>
      </c>
      <c r="F78" s="14">
        <v>44311</v>
      </c>
      <c r="G78" s="12" t="s">
        <v>413</v>
      </c>
      <c r="H78" s="13" t="s">
        <v>412</v>
      </c>
      <c r="I78" s="13" t="s">
        <v>411</v>
      </c>
    </row>
    <row r="79" spans="1:9" ht="16.5" x14ac:dyDescent="0.35">
      <c r="A79" s="11">
        <v>44311</v>
      </c>
      <c r="B79" s="6">
        <v>1945</v>
      </c>
      <c r="C79" s="13" t="s">
        <v>408</v>
      </c>
      <c r="D79" s="13" t="s">
        <v>19</v>
      </c>
      <c r="E79" s="26" t="s">
        <v>777</v>
      </c>
      <c r="F79" s="14">
        <v>44311</v>
      </c>
      <c r="G79" s="12" t="s">
        <v>414</v>
      </c>
      <c r="H79" s="13" t="s">
        <v>415</v>
      </c>
      <c r="I79" s="13" t="s">
        <v>15</v>
      </c>
    </row>
    <row r="80" spans="1:9" ht="15.5" x14ac:dyDescent="0.35">
      <c r="A80" s="22">
        <v>44311</v>
      </c>
      <c r="B80" s="20">
        <v>2109</v>
      </c>
      <c r="C80" s="18" t="s">
        <v>555</v>
      </c>
      <c r="D80" s="18" t="s">
        <v>79</v>
      </c>
      <c r="E80" s="23" t="s">
        <v>14</v>
      </c>
      <c r="F80" s="21">
        <v>44357</v>
      </c>
      <c r="G80" s="20" t="s">
        <v>556</v>
      </c>
      <c r="H80" s="18" t="s">
        <v>557</v>
      </c>
      <c r="I80" s="18" t="s">
        <v>91</v>
      </c>
    </row>
    <row r="81" spans="1:9" ht="15.5" x14ac:dyDescent="0.35">
      <c r="A81" s="22">
        <v>44315</v>
      </c>
      <c r="B81" s="20">
        <v>1607</v>
      </c>
      <c r="C81" s="18" t="s">
        <v>636</v>
      </c>
      <c r="D81" s="18" t="s">
        <v>278</v>
      </c>
      <c r="E81" s="24" t="s">
        <v>298</v>
      </c>
      <c r="F81" s="21">
        <v>44315</v>
      </c>
      <c r="G81" s="20" t="s">
        <v>637</v>
      </c>
      <c r="H81" s="18" t="s">
        <v>638</v>
      </c>
      <c r="I81" s="18" t="s">
        <v>12</v>
      </c>
    </row>
    <row r="82" spans="1:9" ht="15.5" x14ac:dyDescent="0.35">
      <c r="A82" s="11">
        <v>44315</v>
      </c>
      <c r="B82" s="6">
        <v>2333</v>
      </c>
      <c r="C82" s="13" t="s">
        <v>442</v>
      </c>
      <c r="D82" s="13" t="s">
        <v>11</v>
      </c>
      <c r="E82" s="7" t="s">
        <v>331</v>
      </c>
      <c r="F82" s="14">
        <v>44315</v>
      </c>
      <c r="G82" s="12" t="s">
        <v>443</v>
      </c>
      <c r="H82" s="13" t="s">
        <v>444</v>
      </c>
      <c r="I82" s="13" t="s">
        <v>10</v>
      </c>
    </row>
    <row r="83" spans="1:9" ht="15.5" x14ac:dyDescent="0.35">
      <c r="A83" s="22">
        <v>44315</v>
      </c>
      <c r="B83" s="20">
        <v>2052</v>
      </c>
      <c r="C83" s="18" t="s">
        <v>537</v>
      </c>
      <c r="D83" s="18" t="s">
        <v>11</v>
      </c>
      <c r="E83" s="7" t="s">
        <v>331</v>
      </c>
      <c r="F83" s="21">
        <v>44315</v>
      </c>
      <c r="G83" s="20" t="s">
        <v>539</v>
      </c>
      <c r="H83" s="18" t="s">
        <v>538</v>
      </c>
      <c r="I83" s="18" t="s">
        <v>12</v>
      </c>
    </row>
    <row r="84" spans="1:9" ht="15.5" x14ac:dyDescent="0.35">
      <c r="A84" s="22">
        <v>44315</v>
      </c>
      <c r="B84" s="20">
        <v>40</v>
      </c>
      <c r="C84" s="18" t="s">
        <v>617</v>
      </c>
      <c r="D84" s="18" t="s">
        <v>278</v>
      </c>
      <c r="E84" s="24" t="s">
        <v>298</v>
      </c>
      <c r="F84" s="21">
        <v>44315</v>
      </c>
      <c r="G84" s="20" t="s">
        <v>618</v>
      </c>
      <c r="H84" s="18" t="s">
        <v>619</v>
      </c>
      <c r="I84" s="18" t="s">
        <v>12</v>
      </c>
    </row>
    <row r="85" spans="1:9" ht="15.5" x14ac:dyDescent="0.35">
      <c r="A85" s="22">
        <v>44316</v>
      </c>
      <c r="B85" s="20">
        <v>1753</v>
      </c>
      <c r="C85" s="18" t="s">
        <v>607</v>
      </c>
      <c r="D85" s="18" t="s">
        <v>600</v>
      </c>
      <c r="E85" s="23" t="s">
        <v>53</v>
      </c>
      <c r="F85" s="21">
        <v>44319</v>
      </c>
      <c r="G85" s="20" t="s">
        <v>608</v>
      </c>
      <c r="H85" s="18" t="s">
        <v>609</v>
      </c>
      <c r="I85" s="18" t="s">
        <v>10</v>
      </c>
    </row>
    <row r="86" spans="1:9" ht="15.5" x14ac:dyDescent="0.35">
      <c r="A86" s="22">
        <v>44318</v>
      </c>
      <c r="B86" s="20">
        <v>505</v>
      </c>
      <c r="C86" s="18" t="s">
        <v>731</v>
      </c>
      <c r="D86" s="18" t="s">
        <v>676</v>
      </c>
      <c r="E86" s="24" t="s">
        <v>298</v>
      </c>
      <c r="F86" s="21">
        <v>44318</v>
      </c>
      <c r="G86" s="20" t="s">
        <v>732</v>
      </c>
      <c r="H86" s="18" t="s">
        <v>733</v>
      </c>
      <c r="I86" s="18" t="s">
        <v>12</v>
      </c>
    </row>
    <row r="87" spans="1:9" ht="16.5" x14ac:dyDescent="0.45">
      <c r="A87" s="22">
        <v>44319</v>
      </c>
      <c r="B87" s="20">
        <v>250</v>
      </c>
      <c r="C87" s="18" t="s">
        <v>633</v>
      </c>
      <c r="D87" s="18" t="s">
        <v>16</v>
      </c>
      <c r="E87" s="25" t="s">
        <v>765</v>
      </c>
      <c r="F87" s="21">
        <v>44319</v>
      </c>
      <c r="G87" s="20" t="s">
        <v>634</v>
      </c>
      <c r="H87" s="18" t="s">
        <v>635</v>
      </c>
      <c r="I87" s="18" t="s">
        <v>10</v>
      </c>
    </row>
    <row r="88" spans="1:9" ht="16.5" x14ac:dyDescent="0.45">
      <c r="A88" s="11">
        <v>44320</v>
      </c>
      <c r="B88" s="6">
        <v>315</v>
      </c>
      <c r="C88" s="13" t="s">
        <v>195</v>
      </c>
      <c r="D88" s="13" t="s">
        <v>198</v>
      </c>
      <c r="E88" s="25" t="s">
        <v>778</v>
      </c>
      <c r="F88" s="14">
        <v>44326</v>
      </c>
      <c r="G88" s="12" t="s">
        <v>197</v>
      </c>
      <c r="H88" s="13" t="s">
        <v>199</v>
      </c>
      <c r="I88" s="13" t="s">
        <v>91</v>
      </c>
    </row>
    <row r="89" spans="1:9" ht="15.5" x14ac:dyDescent="0.35">
      <c r="A89" s="11">
        <v>44320</v>
      </c>
      <c r="B89" s="6">
        <v>1703</v>
      </c>
      <c r="C89" s="13" t="s">
        <v>54</v>
      </c>
      <c r="D89" s="13" t="s">
        <v>30</v>
      </c>
      <c r="E89" s="7" t="s">
        <v>435</v>
      </c>
      <c r="F89" s="14">
        <v>44320</v>
      </c>
      <c r="G89" s="12" t="s">
        <v>501</v>
      </c>
      <c r="H89" s="13" t="s">
        <v>502</v>
      </c>
      <c r="I89" s="13" t="s">
        <v>91</v>
      </c>
    </row>
    <row r="90" spans="1:9" ht="15.5" x14ac:dyDescent="0.35">
      <c r="A90" s="22">
        <v>44320</v>
      </c>
      <c r="B90" s="20">
        <v>2028</v>
      </c>
      <c r="C90" s="18" t="s">
        <v>442</v>
      </c>
      <c r="D90" s="18" t="s">
        <v>266</v>
      </c>
      <c r="E90" s="7" t="s">
        <v>590</v>
      </c>
      <c r="F90" s="21">
        <v>44320</v>
      </c>
      <c r="G90" s="20" t="s">
        <v>589</v>
      </c>
      <c r="H90" s="18" t="s">
        <v>591</v>
      </c>
      <c r="I90" s="18" t="s">
        <v>10</v>
      </c>
    </row>
    <row r="91" spans="1:9" ht="16.5" x14ac:dyDescent="0.45">
      <c r="A91" s="22">
        <v>44320</v>
      </c>
      <c r="B91" s="20">
        <v>315</v>
      </c>
      <c r="C91" s="18" t="s">
        <v>195</v>
      </c>
      <c r="D91" s="18" t="s">
        <v>198</v>
      </c>
      <c r="E91" s="25" t="s">
        <v>779</v>
      </c>
      <c r="F91" s="21">
        <v>44320</v>
      </c>
      <c r="G91" s="20" t="s">
        <v>626</v>
      </c>
      <c r="H91" s="18" t="s">
        <v>199</v>
      </c>
      <c r="I91" s="18" t="s">
        <v>12</v>
      </c>
    </row>
    <row r="92" spans="1:9" ht="16.5" x14ac:dyDescent="0.45">
      <c r="A92" s="22">
        <v>44320</v>
      </c>
      <c r="B92" s="20">
        <v>315</v>
      </c>
      <c r="C92" s="18" t="s">
        <v>195</v>
      </c>
      <c r="D92" s="18" t="s">
        <v>198</v>
      </c>
      <c r="E92" s="25" t="s">
        <v>780</v>
      </c>
      <c r="F92" s="21">
        <v>44320</v>
      </c>
      <c r="G92" s="20" t="s">
        <v>627</v>
      </c>
      <c r="H92" s="18" t="s">
        <v>196</v>
      </c>
      <c r="I92" s="18" t="s">
        <v>10</v>
      </c>
    </row>
    <row r="93" spans="1:9" ht="16.5" x14ac:dyDescent="0.45">
      <c r="A93" s="22">
        <v>44320</v>
      </c>
      <c r="B93" s="20">
        <v>315</v>
      </c>
      <c r="C93" s="18" t="s">
        <v>195</v>
      </c>
      <c r="D93" s="18" t="s">
        <v>198</v>
      </c>
      <c r="E93" s="25" t="s">
        <v>781</v>
      </c>
      <c r="F93" s="21">
        <v>44320</v>
      </c>
      <c r="G93" s="20" t="s">
        <v>628</v>
      </c>
      <c r="H93" s="18" t="s">
        <v>629</v>
      </c>
      <c r="I93" s="18" t="s">
        <v>12</v>
      </c>
    </row>
    <row r="94" spans="1:9" ht="15.5" x14ac:dyDescent="0.35">
      <c r="A94" s="11">
        <v>44321</v>
      </c>
      <c r="B94" s="6">
        <v>310</v>
      </c>
      <c r="C94" s="13" t="s">
        <v>468</v>
      </c>
      <c r="D94" s="13" t="s">
        <v>11</v>
      </c>
      <c r="E94" s="7" t="s">
        <v>331</v>
      </c>
      <c r="F94" s="14">
        <v>44321</v>
      </c>
      <c r="G94" s="12" t="s">
        <v>470</v>
      </c>
      <c r="H94" s="13" t="s">
        <v>469</v>
      </c>
      <c r="I94" s="13" t="s">
        <v>10</v>
      </c>
    </row>
    <row r="95" spans="1:9" ht="15.5" x14ac:dyDescent="0.35">
      <c r="A95" s="22">
        <v>44321</v>
      </c>
      <c r="B95" s="20">
        <v>10</v>
      </c>
      <c r="C95" s="18" t="s">
        <v>597</v>
      </c>
      <c r="D95" s="18" t="s">
        <v>595</v>
      </c>
      <c r="E95" s="23" t="s">
        <v>28</v>
      </c>
      <c r="F95" s="21">
        <v>44331</v>
      </c>
      <c r="G95" s="20" t="s">
        <v>601</v>
      </c>
      <c r="H95" s="18" t="s">
        <v>598</v>
      </c>
      <c r="I95" s="18" t="s">
        <v>12</v>
      </c>
    </row>
    <row r="96" spans="1:9" ht="16.5" x14ac:dyDescent="0.35">
      <c r="A96" s="22">
        <v>44321</v>
      </c>
      <c r="B96" s="20">
        <v>1534</v>
      </c>
      <c r="C96" s="18" t="s">
        <v>620</v>
      </c>
      <c r="D96" s="18" t="s">
        <v>292</v>
      </c>
      <c r="E96" s="26" t="s">
        <v>782</v>
      </c>
      <c r="F96" s="21">
        <v>44322</v>
      </c>
      <c r="G96" s="20" t="s">
        <v>621</v>
      </c>
      <c r="H96" s="18" t="s">
        <v>622</v>
      </c>
      <c r="I96" s="18" t="s">
        <v>10</v>
      </c>
    </row>
    <row r="97" spans="1:9" ht="15.5" x14ac:dyDescent="0.35">
      <c r="A97" s="22">
        <v>44324</v>
      </c>
      <c r="B97" s="20">
        <v>2059</v>
      </c>
      <c r="C97" s="18" t="s">
        <v>560</v>
      </c>
      <c r="D97" s="18" t="s">
        <v>11</v>
      </c>
      <c r="E97" s="7" t="s">
        <v>331</v>
      </c>
      <c r="F97" s="21">
        <v>44324</v>
      </c>
      <c r="G97" s="20" t="s">
        <v>561</v>
      </c>
      <c r="H97" s="18" t="s">
        <v>562</v>
      </c>
      <c r="I97" s="18" t="s">
        <v>12</v>
      </c>
    </row>
    <row r="98" spans="1:9" ht="15.5" x14ac:dyDescent="0.35">
      <c r="A98" s="22">
        <v>44325</v>
      </c>
      <c r="B98" s="20">
        <v>32</v>
      </c>
      <c r="C98" s="18" t="s">
        <v>449</v>
      </c>
      <c r="D98" s="18" t="s">
        <v>551</v>
      </c>
      <c r="E98" s="23" t="s">
        <v>26</v>
      </c>
      <c r="F98" s="21">
        <v>44325</v>
      </c>
      <c r="G98" s="20" t="s">
        <v>552</v>
      </c>
      <c r="H98" s="18" t="s">
        <v>553</v>
      </c>
      <c r="I98" s="18" t="s">
        <v>15</v>
      </c>
    </row>
    <row r="99" spans="1:9" ht="15.5" x14ac:dyDescent="0.35">
      <c r="A99" s="22">
        <v>44326</v>
      </c>
      <c r="B99" s="20">
        <v>48</v>
      </c>
      <c r="C99" s="18" t="s">
        <v>614</v>
      </c>
      <c r="D99" s="18" t="s">
        <v>278</v>
      </c>
      <c r="E99" s="24" t="s">
        <v>298</v>
      </c>
      <c r="F99" s="21">
        <v>44326</v>
      </c>
      <c r="G99" s="20" t="s">
        <v>615</v>
      </c>
      <c r="H99" s="18" t="s">
        <v>616</v>
      </c>
      <c r="I99" s="18" t="s">
        <v>10</v>
      </c>
    </row>
    <row r="100" spans="1:9" ht="15.5" x14ac:dyDescent="0.35">
      <c r="A100" s="11">
        <v>44327</v>
      </c>
      <c r="B100" s="6">
        <v>1538</v>
      </c>
      <c r="C100" s="13" t="s">
        <v>515</v>
      </c>
      <c r="D100" s="13" t="s">
        <v>145</v>
      </c>
      <c r="E100" s="23" t="s">
        <v>55</v>
      </c>
      <c r="F100" s="14">
        <v>44327</v>
      </c>
      <c r="G100" s="12" t="s">
        <v>516</v>
      </c>
      <c r="H100" s="13" t="s">
        <v>36</v>
      </c>
      <c r="I100" s="13" t="s">
        <v>10</v>
      </c>
    </row>
    <row r="101" spans="1:9" ht="15.5" x14ac:dyDescent="0.35">
      <c r="A101" s="22">
        <v>44327</v>
      </c>
      <c r="B101" s="20">
        <v>304</v>
      </c>
      <c r="C101" s="18" t="s">
        <v>599</v>
      </c>
      <c r="D101" s="18" t="s">
        <v>600</v>
      </c>
      <c r="E101" s="23" t="s">
        <v>53</v>
      </c>
      <c r="F101" s="21">
        <v>44328</v>
      </c>
      <c r="G101" s="20" t="s">
        <v>602</v>
      </c>
      <c r="H101" s="18" t="s">
        <v>603</v>
      </c>
      <c r="I101" s="18" t="s">
        <v>12</v>
      </c>
    </row>
    <row r="102" spans="1:9" ht="15.5" x14ac:dyDescent="0.35">
      <c r="A102" s="11">
        <v>44329</v>
      </c>
      <c r="B102" s="6">
        <v>2141</v>
      </c>
      <c r="C102" s="13" t="s">
        <v>374</v>
      </c>
      <c r="D102" s="13" t="s">
        <v>375</v>
      </c>
      <c r="E102" s="23" t="s">
        <v>378</v>
      </c>
      <c r="F102" s="14">
        <v>44329</v>
      </c>
      <c r="G102" s="12" t="s">
        <v>376</v>
      </c>
      <c r="H102" s="13" t="s">
        <v>377</v>
      </c>
      <c r="I102" s="13" t="s">
        <v>10</v>
      </c>
    </row>
    <row r="103" spans="1:9" ht="15.5" x14ac:dyDescent="0.35">
      <c r="A103" s="22">
        <v>44329</v>
      </c>
      <c r="B103" s="20">
        <v>2345</v>
      </c>
      <c r="C103" s="18" t="s">
        <v>438</v>
      </c>
      <c r="D103" s="18" t="s">
        <v>595</v>
      </c>
      <c r="E103" s="23" t="s">
        <v>28</v>
      </c>
      <c r="F103" s="21">
        <v>44330</v>
      </c>
      <c r="G103" s="20" t="s">
        <v>216</v>
      </c>
      <c r="H103" s="18" t="s">
        <v>596</v>
      </c>
      <c r="I103" s="18" t="s">
        <v>15</v>
      </c>
    </row>
    <row r="104" spans="1:9" ht="15.5" x14ac:dyDescent="0.35">
      <c r="A104" s="11">
        <v>44332</v>
      </c>
      <c r="B104" s="6">
        <v>1</v>
      </c>
      <c r="C104" s="13" t="s">
        <v>330</v>
      </c>
      <c r="D104" s="13" t="s">
        <v>11</v>
      </c>
      <c r="E104" s="7" t="s">
        <v>331</v>
      </c>
      <c r="F104" s="14">
        <v>44332</v>
      </c>
      <c r="G104" s="12" t="s">
        <v>332</v>
      </c>
      <c r="H104" s="13" t="s">
        <v>333</v>
      </c>
      <c r="I104" s="13" t="s">
        <v>12</v>
      </c>
    </row>
    <row r="105" spans="1:9" ht="15.5" x14ac:dyDescent="0.35">
      <c r="A105" s="11">
        <v>44333</v>
      </c>
      <c r="B105" s="6">
        <v>1846</v>
      </c>
      <c r="C105" s="13" t="s">
        <v>503</v>
      </c>
      <c r="D105" s="13" t="s">
        <v>16</v>
      </c>
      <c r="E105" s="7" t="s">
        <v>338</v>
      </c>
      <c r="F105" s="14">
        <v>44333</v>
      </c>
      <c r="G105" s="12" t="s">
        <v>504</v>
      </c>
      <c r="H105" s="13" t="s">
        <v>505</v>
      </c>
      <c r="I105" s="13" t="s">
        <v>10</v>
      </c>
    </row>
    <row r="106" spans="1:9" ht="16.5" x14ac:dyDescent="0.45">
      <c r="A106" s="11">
        <v>44337</v>
      </c>
      <c r="B106" s="6">
        <v>843</v>
      </c>
      <c r="C106" s="13" t="s">
        <v>174</v>
      </c>
      <c r="D106" s="13" t="s">
        <v>175</v>
      </c>
      <c r="E106" s="25" t="s">
        <v>783</v>
      </c>
      <c r="F106" s="14">
        <v>44501</v>
      </c>
      <c r="G106" s="12" t="s">
        <v>176</v>
      </c>
      <c r="H106" s="13" t="s">
        <v>177</v>
      </c>
      <c r="I106" s="13" t="s">
        <v>10</v>
      </c>
    </row>
    <row r="107" spans="1:9" ht="16.5" x14ac:dyDescent="0.35">
      <c r="A107" s="11">
        <v>44337</v>
      </c>
      <c r="B107" s="6">
        <v>1849</v>
      </c>
      <c r="C107" s="13" t="s">
        <v>428</v>
      </c>
      <c r="D107" s="13" t="s">
        <v>33</v>
      </c>
      <c r="E107" s="26" t="s">
        <v>784</v>
      </c>
      <c r="F107" s="14">
        <v>44337</v>
      </c>
      <c r="G107" s="12" t="s">
        <v>430</v>
      </c>
      <c r="H107" s="13" t="s">
        <v>429</v>
      </c>
      <c r="I107" s="13" t="s">
        <v>12</v>
      </c>
    </row>
    <row r="108" spans="1:9" ht="16.5" x14ac:dyDescent="0.45">
      <c r="A108" s="11">
        <v>44341</v>
      </c>
      <c r="B108" s="6">
        <v>26</v>
      </c>
      <c r="C108" s="13" t="s">
        <v>488</v>
      </c>
      <c r="D108" s="13" t="s">
        <v>491</v>
      </c>
      <c r="E108" s="25" t="s">
        <v>785</v>
      </c>
      <c r="F108" s="14">
        <v>44351</v>
      </c>
      <c r="G108" s="12" t="s">
        <v>489</v>
      </c>
      <c r="H108" s="13" t="s">
        <v>490</v>
      </c>
      <c r="I108" s="13" t="s">
        <v>15</v>
      </c>
    </row>
    <row r="109" spans="1:9" ht="15.5" x14ac:dyDescent="0.35">
      <c r="A109" s="11">
        <v>44345</v>
      </c>
      <c r="B109" s="6">
        <v>1911</v>
      </c>
      <c r="C109" s="13" t="s">
        <v>462</v>
      </c>
      <c r="D109" s="13" t="s">
        <v>358</v>
      </c>
      <c r="E109" s="7" t="s">
        <v>425</v>
      </c>
      <c r="F109" s="14">
        <v>44345</v>
      </c>
      <c r="G109" s="12" t="s">
        <v>463</v>
      </c>
      <c r="H109" s="13" t="s">
        <v>464</v>
      </c>
      <c r="I109" s="13" t="s">
        <v>10</v>
      </c>
    </row>
    <row r="110" spans="1:9" ht="15.5" x14ac:dyDescent="0.35">
      <c r="A110" s="22">
        <v>44345</v>
      </c>
      <c r="B110" s="20">
        <v>700</v>
      </c>
      <c r="C110" s="18" t="s">
        <v>137</v>
      </c>
      <c r="D110" s="18" t="s">
        <v>278</v>
      </c>
      <c r="E110" s="24" t="s">
        <v>298</v>
      </c>
      <c r="F110" s="21">
        <v>44345</v>
      </c>
      <c r="G110" s="20" t="s">
        <v>558</v>
      </c>
      <c r="H110" s="18" t="s">
        <v>559</v>
      </c>
      <c r="I110" s="18" t="s">
        <v>12</v>
      </c>
    </row>
    <row r="111" spans="1:9" ht="16.5" x14ac:dyDescent="0.45">
      <c r="A111" s="11">
        <v>44346</v>
      </c>
      <c r="B111" s="6">
        <v>228</v>
      </c>
      <c r="C111" s="13" t="s">
        <v>259</v>
      </c>
      <c r="D111" s="15" t="s">
        <v>266</v>
      </c>
      <c r="E111" s="25" t="s">
        <v>786</v>
      </c>
      <c r="F111" s="16">
        <v>44346</v>
      </c>
      <c r="G111" s="17" t="s">
        <v>265</v>
      </c>
      <c r="H111" s="13" t="s">
        <v>260</v>
      </c>
      <c r="I111" s="15" t="s">
        <v>10</v>
      </c>
    </row>
    <row r="112" spans="1:9" ht="15.5" x14ac:dyDescent="0.35">
      <c r="A112" s="11">
        <v>44346</v>
      </c>
      <c r="B112" s="6">
        <v>416</v>
      </c>
      <c r="C112" s="13" t="s">
        <v>385</v>
      </c>
      <c r="D112" s="13" t="s">
        <v>11</v>
      </c>
      <c r="E112" s="7" t="s">
        <v>331</v>
      </c>
      <c r="F112" s="14">
        <v>44346</v>
      </c>
      <c r="G112" s="12" t="s">
        <v>386</v>
      </c>
      <c r="H112" s="13" t="s">
        <v>387</v>
      </c>
      <c r="I112" s="13" t="s">
        <v>10</v>
      </c>
    </row>
    <row r="113" spans="1:9" ht="15.5" x14ac:dyDescent="0.35">
      <c r="A113" s="11">
        <v>44346</v>
      </c>
      <c r="B113" s="6">
        <v>2119</v>
      </c>
      <c r="C113" s="13" t="s">
        <v>424</v>
      </c>
      <c r="D113" s="13" t="s">
        <v>358</v>
      </c>
      <c r="E113" s="7" t="s">
        <v>425</v>
      </c>
      <c r="F113" s="14">
        <v>44346</v>
      </c>
      <c r="G113" s="12" t="s">
        <v>426</v>
      </c>
      <c r="H113" s="13" t="s">
        <v>427</v>
      </c>
      <c r="I113" s="13" t="s">
        <v>12</v>
      </c>
    </row>
    <row r="114" spans="1:9" ht="15.5" x14ac:dyDescent="0.35">
      <c r="A114" s="22">
        <v>44346</v>
      </c>
      <c r="B114" s="20">
        <v>1831</v>
      </c>
      <c r="C114" s="18" t="s">
        <v>586</v>
      </c>
      <c r="D114" s="18" t="s">
        <v>33</v>
      </c>
      <c r="E114" s="23" t="s">
        <v>34</v>
      </c>
      <c r="F114" s="21">
        <v>44348</v>
      </c>
      <c r="G114" s="20" t="s">
        <v>587</v>
      </c>
      <c r="H114" s="18" t="s">
        <v>588</v>
      </c>
      <c r="I114" s="18" t="s">
        <v>12</v>
      </c>
    </row>
    <row r="115" spans="1:9" ht="15.5" x14ac:dyDescent="0.35">
      <c r="A115" s="22">
        <v>44347</v>
      </c>
      <c r="B115" s="20">
        <v>2118</v>
      </c>
      <c r="C115" s="18" t="s">
        <v>58</v>
      </c>
      <c r="D115" s="18" t="s">
        <v>536</v>
      </c>
      <c r="E115" s="23" t="s">
        <v>141</v>
      </c>
      <c r="F115" s="21">
        <v>44347</v>
      </c>
      <c r="G115" s="20" t="s">
        <v>535</v>
      </c>
      <c r="H115" s="18" t="s">
        <v>534</v>
      </c>
      <c r="I115" s="18" t="s">
        <v>91</v>
      </c>
    </row>
    <row r="116" spans="1:9" ht="15.5" x14ac:dyDescent="0.35">
      <c r="A116" s="22">
        <v>44349</v>
      </c>
      <c r="B116" s="20">
        <v>1045</v>
      </c>
      <c r="C116" s="18" t="s">
        <v>547</v>
      </c>
      <c r="D116" s="18" t="s">
        <v>548</v>
      </c>
      <c r="E116" s="4" t="s">
        <v>815</v>
      </c>
      <c r="F116" s="21">
        <v>44349</v>
      </c>
      <c r="G116" s="20" t="s">
        <v>549</v>
      </c>
      <c r="H116" s="18" t="s">
        <v>550</v>
      </c>
      <c r="I116" s="18" t="s">
        <v>12</v>
      </c>
    </row>
    <row r="117" spans="1:9" ht="15.5" x14ac:dyDescent="0.35">
      <c r="A117" s="22">
        <v>44350</v>
      </c>
      <c r="B117" s="20">
        <v>247</v>
      </c>
      <c r="C117" s="18" t="s">
        <v>554</v>
      </c>
      <c r="D117" s="18" t="s">
        <v>278</v>
      </c>
      <c r="E117" s="24" t="s">
        <v>21</v>
      </c>
      <c r="F117" s="16">
        <v>44350</v>
      </c>
      <c r="G117" s="17" t="s">
        <v>810</v>
      </c>
      <c r="H117" s="31" t="s">
        <v>25</v>
      </c>
      <c r="I117" s="31" t="s">
        <v>10</v>
      </c>
    </row>
    <row r="118" spans="1:9" ht="15.5" x14ac:dyDescent="0.35">
      <c r="A118" s="22">
        <v>44352</v>
      </c>
      <c r="B118" s="20">
        <v>1719</v>
      </c>
      <c r="C118" s="18" t="s">
        <v>568</v>
      </c>
      <c r="D118" s="13" t="s">
        <v>278</v>
      </c>
      <c r="E118" s="7" t="s">
        <v>298</v>
      </c>
      <c r="F118" s="21">
        <v>44353</v>
      </c>
      <c r="G118" s="20" t="s">
        <v>569</v>
      </c>
      <c r="H118" s="18" t="s">
        <v>570</v>
      </c>
      <c r="I118" s="18" t="s">
        <v>15</v>
      </c>
    </row>
    <row r="119" spans="1:9" ht="15.5" x14ac:dyDescent="0.35">
      <c r="A119" s="11">
        <v>44353</v>
      </c>
      <c r="B119" s="6">
        <v>1813</v>
      </c>
      <c r="C119" s="13" t="s">
        <v>155</v>
      </c>
      <c r="D119" s="13" t="s">
        <v>11</v>
      </c>
      <c r="E119" s="7" t="s">
        <v>331</v>
      </c>
      <c r="F119" s="14">
        <v>44353</v>
      </c>
      <c r="G119" s="12" t="s">
        <v>372</v>
      </c>
      <c r="H119" s="13" t="s">
        <v>373</v>
      </c>
      <c r="I119" s="13" t="s">
        <v>12</v>
      </c>
    </row>
    <row r="120" spans="1:9" ht="15.5" x14ac:dyDescent="0.35">
      <c r="A120" s="22">
        <v>44353</v>
      </c>
      <c r="B120" s="20">
        <v>2358</v>
      </c>
      <c r="C120" s="18" t="s">
        <v>577</v>
      </c>
      <c r="D120" s="13" t="s">
        <v>278</v>
      </c>
      <c r="E120" s="7" t="s">
        <v>298</v>
      </c>
      <c r="F120" s="21">
        <v>44354</v>
      </c>
      <c r="G120" s="20" t="s">
        <v>578</v>
      </c>
      <c r="H120" s="18" t="s">
        <v>579</v>
      </c>
      <c r="I120" s="18" t="s">
        <v>10</v>
      </c>
    </row>
    <row r="121" spans="1:9" ht="15.5" x14ac:dyDescent="0.35">
      <c r="A121" s="11">
        <v>44355</v>
      </c>
      <c r="B121" s="6">
        <v>1649</v>
      </c>
      <c r="C121" s="13" t="s">
        <v>189</v>
      </c>
      <c r="D121" s="13" t="s">
        <v>19</v>
      </c>
      <c r="E121" s="23" t="s">
        <v>27</v>
      </c>
      <c r="F121" s="14">
        <v>44375</v>
      </c>
      <c r="G121" s="12" t="s">
        <v>190</v>
      </c>
      <c r="H121" s="13" t="s">
        <v>191</v>
      </c>
      <c r="I121" s="13" t="s">
        <v>10</v>
      </c>
    </row>
    <row r="122" spans="1:9" ht="15.5" x14ac:dyDescent="0.35">
      <c r="A122" s="11">
        <v>44358</v>
      </c>
      <c r="B122" s="6">
        <v>913</v>
      </c>
      <c r="C122" s="13" t="s">
        <v>54</v>
      </c>
      <c r="D122" s="13" t="s">
        <v>219</v>
      </c>
      <c r="E122" s="23" t="s">
        <v>32</v>
      </c>
      <c r="F122" s="14">
        <v>44362</v>
      </c>
      <c r="G122" s="12" t="s">
        <v>218</v>
      </c>
      <c r="H122" s="13" t="s">
        <v>217</v>
      </c>
      <c r="I122" s="13" t="s">
        <v>173</v>
      </c>
    </row>
    <row r="123" spans="1:9" ht="16.5" x14ac:dyDescent="0.35">
      <c r="A123" s="11">
        <v>44360</v>
      </c>
      <c r="B123" s="6">
        <v>1942</v>
      </c>
      <c r="C123" s="13" t="s">
        <v>456</v>
      </c>
      <c r="D123" s="13" t="s">
        <v>19</v>
      </c>
      <c r="E123" s="26" t="s">
        <v>777</v>
      </c>
      <c r="F123" s="14">
        <v>44361</v>
      </c>
      <c r="G123" s="12" t="s">
        <v>457</v>
      </c>
      <c r="H123" s="13" t="s">
        <v>458</v>
      </c>
      <c r="I123" s="13" t="s">
        <v>15</v>
      </c>
    </row>
    <row r="124" spans="1:9" ht="15.5" x14ac:dyDescent="0.35">
      <c r="A124" s="11">
        <v>44362</v>
      </c>
      <c r="B124" s="6">
        <v>849</v>
      </c>
      <c r="C124" s="13" t="s">
        <v>506</v>
      </c>
      <c r="D124" s="13" t="s">
        <v>278</v>
      </c>
      <c r="E124" s="7" t="s">
        <v>298</v>
      </c>
      <c r="F124" s="14">
        <v>44362</v>
      </c>
      <c r="G124" s="12" t="s">
        <v>507</v>
      </c>
      <c r="H124" s="13" t="s">
        <v>508</v>
      </c>
      <c r="I124" s="13" t="s">
        <v>12</v>
      </c>
    </row>
    <row r="125" spans="1:9" ht="15.5" x14ac:dyDescent="0.35">
      <c r="A125" s="22">
        <v>44364</v>
      </c>
      <c r="B125" s="20">
        <v>1014</v>
      </c>
      <c r="C125" s="18" t="s">
        <v>54</v>
      </c>
      <c r="D125" s="13" t="s">
        <v>278</v>
      </c>
      <c r="E125" s="7" t="s">
        <v>298</v>
      </c>
      <c r="F125" s="21">
        <v>44364</v>
      </c>
      <c r="G125" s="20" t="s">
        <v>563</v>
      </c>
      <c r="H125" s="18" t="s">
        <v>564</v>
      </c>
      <c r="I125" s="18" t="s">
        <v>12</v>
      </c>
    </row>
    <row r="126" spans="1:9" ht="16.5" x14ac:dyDescent="0.35">
      <c r="A126" s="11">
        <v>44366</v>
      </c>
      <c r="B126" s="6">
        <v>2222</v>
      </c>
      <c r="C126" s="13" t="s">
        <v>327</v>
      </c>
      <c r="D126" s="13" t="s">
        <v>11</v>
      </c>
      <c r="E126" s="26" t="s">
        <v>787</v>
      </c>
      <c r="F126" s="14">
        <v>44366</v>
      </c>
      <c r="G126" s="12" t="s">
        <v>329</v>
      </c>
      <c r="H126" s="13" t="s">
        <v>328</v>
      </c>
      <c r="I126" s="13" t="s">
        <v>12</v>
      </c>
    </row>
    <row r="127" spans="1:9" ht="16.5" x14ac:dyDescent="0.35">
      <c r="A127" s="22">
        <v>44368</v>
      </c>
      <c r="B127" s="20">
        <v>110</v>
      </c>
      <c r="C127" s="18" t="s">
        <v>531</v>
      </c>
      <c r="D127" s="18" t="s">
        <v>441</v>
      </c>
      <c r="E127" s="26" t="s">
        <v>788</v>
      </c>
      <c r="F127" s="21">
        <v>44367</v>
      </c>
      <c r="G127" s="20" t="s">
        <v>533</v>
      </c>
      <c r="H127" s="18" t="s">
        <v>532</v>
      </c>
      <c r="I127" s="18" t="s">
        <v>12</v>
      </c>
    </row>
    <row r="128" spans="1:9" ht="16.5" x14ac:dyDescent="0.45">
      <c r="A128" s="11">
        <v>44376</v>
      </c>
      <c r="B128" s="6">
        <v>1605</v>
      </c>
      <c r="C128" s="13" t="s">
        <v>465</v>
      </c>
      <c r="D128" s="13" t="s">
        <v>179</v>
      </c>
      <c r="E128" s="25" t="s">
        <v>789</v>
      </c>
      <c r="F128" s="14">
        <v>44377</v>
      </c>
      <c r="G128" s="12" t="s">
        <v>466</v>
      </c>
      <c r="H128" s="13" t="s">
        <v>467</v>
      </c>
      <c r="I128" s="13" t="s">
        <v>10</v>
      </c>
    </row>
    <row r="129" spans="1:9" ht="15.5" x14ac:dyDescent="0.35">
      <c r="A129" s="11">
        <v>44379</v>
      </c>
      <c r="B129" s="6">
        <v>137</v>
      </c>
      <c r="C129" s="13" t="s">
        <v>162</v>
      </c>
      <c r="D129" s="13" t="s">
        <v>164</v>
      </c>
      <c r="E129" s="23" t="s">
        <v>165</v>
      </c>
      <c r="F129" s="14">
        <v>44386</v>
      </c>
      <c r="G129" s="12" t="s">
        <v>166</v>
      </c>
      <c r="H129" s="13" t="s">
        <v>163</v>
      </c>
      <c r="I129" s="13" t="s">
        <v>10</v>
      </c>
    </row>
    <row r="130" spans="1:9" ht="15.5" x14ac:dyDescent="0.35">
      <c r="A130" s="11">
        <v>44379</v>
      </c>
      <c r="B130" s="6">
        <v>1315</v>
      </c>
      <c r="C130" s="13" t="s">
        <v>261</v>
      </c>
      <c r="D130" s="18" t="s">
        <v>11</v>
      </c>
      <c r="E130" s="7" t="s">
        <v>331</v>
      </c>
      <c r="F130" s="21">
        <v>44379</v>
      </c>
      <c r="G130" s="17" t="s">
        <v>817</v>
      </c>
      <c r="H130" s="13" t="s">
        <v>262</v>
      </c>
      <c r="I130" s="15" t="s">
        <v>91</v>
      </c>
    </row>
    <row r="131" spans="1:9" ht="15.5" x14ac:dyDescent="0.35">
      <c r="A131" s="11">
        <v>44381</v>
      </c>
      <c r="B131" s="6">
        <v>2342</v>
      </c>
      <c r="C131" s="13" t="s">
        <v>485</v>
      </c>
      <c r="D131" s="13" t="s">
        <v>11</v>
      </c>
      <c r="E131" s="7" t="s">
        <v>331</v>
      </c>
      <c r="F131" s="14">
        <v>44381</v>
      </c>
      <c r="G131" s="12" t="s">
        <v>487</v>
      </c>
      <c r="H131" s="13" t="s">
        <v>486</v>
      </c>
      <c r="I131" s="13" t="s">
        <v>12</v>
      </c>
    </row>
    <row r="132" spans="1:9" ht="15.5" x14ac:dyDescent="0.35">
      <c r="A132" s="11">
        <v>44382</v>
      </c>
      <c r="B132" s="6">
        <v>1653</v>
      </c>
      <c r="C132" s="13" t="s">
        <v>482</v>
      </c>
      <c r="D132" s="13" t="s">
        <v>11</v>
      </c>
      <c r="E132" s="7" t="s">
        <v>331</v>
      </c>
      <c r="F132" s="14">
        <v>44382</v>
      </c>
      <c r="G132" s="12" t="s">
        <v>483</v>
      </c>
      <c r="H132" s="13" t="s">
        <v>484</v>
      </c>
      <c r="I132" s="13" t="s">
        <v>12</v>
      </c>
    </row>
    <row r="133" spans="1:9" ht="15.5" x14ac:dyDescent="0.35">
      <c r="A133" s="11">
        <v>44384</v>
      </c>
      <c r="B133" s="6">
        <v>1704</v>
      </c>
      <c r="C133" s="13" t="s">
        <v>54</v>
      </c>
      <c r="D133" s="13" t="s">
        <v>30</v>
      </c>
      <c r="E133" s="7" t="s">
        <v>435</v>
      </c>
      <c r="F133" s="14">
        <v>44385</v>
      </c>
      <c r="G133" s="12" t="s">
        <v>436</v>
      </c>
      <c r="H133" s="13" t="s">
        <v>437</v>
      </c>
      <c r="I133" s="13" t="s">
        <v>10</v>
      </c>
    </row>
    <row r="134" spans="1:9" ht="15.5" x14ac:dyDescent="0.35">
      <c r="A134" s="11">
        <v>44386</v>
      </c>
      <c r="B134" s="6">
        <v>2249</v>
      </c>
      <c r="C134" s="13" t="s">
        <v>337</v>
      </c>
      <c r="D134" s="13" t="s">
        <v>16</v>
      </c>
      <c r="E134" s="7" t="s">
        <v>338</v>
      </c>
      <c r="F134" s="14">
        <v>44386</v>
      </c>
      <c r="G134" s="12" t="s">
        <v>339</v>
      </c>
      <c r="H134" s="13" t="s">
        <v>342</v>
      </c>
      <c r="I134" s="13" t="s">
        <v>10</v>
      </c>
    </row>
    <row r="135" spans="1:9" ht="15.5" x14ac:dyDescent="0.35">
      <c r="A135" s="11">
        <v>44387</v>
      </c>
      <c r="B135" s="6">
        <v>345</v>
      </c>
      <c r="C135" s="13" t="s">
        <v>449</v>
      </c>
      <c r="D135" s="13" t="s">
        <v>452</v>
      </c>
      <c r="E135" s="7" t="s">
        <v>298</v>
      </c>
      <c r="F135" s="14">
        <v>44389</v>
      </c>
      <c r="G135" s="12" t="s">
        <v>450</v>
      </c>
      <c r="H135" s="13" t="s">
        <v>451</v>
      </c>
      <c r="I135" s="13" t="s">
        <v>91</v>
      </c>
    </row>
    <row r="136" spans="1:9" ht="16.5" x14ac:dyDescent="0.35">
      <c r="A136" s="11">
        <v>44388</v>
      </c>
      <c r="B136" s="6">
        <v>2104</v>
      </c>
      <c r="C136" s="13" t="s">
        <v>509</v>
      </c>
      <c r="D136" s="13" t="s">
        <v>19</v>
      </c>
      <c r="E136" s="26" t="s">
        <v>777</v>
      </c>
      <c r="F136" s="14">
        <v>44388</v>
      </c>
      <c r="G136" s="12" t="s">
        <v>511</v>
      </c>
      <c r="H136" s="13" t="s">
        <v>510</v>
      </c>
      <c r="I136" s="13" t="s">
        <v>511</v>
      </c>
    </row>
    <row r="137" spans="1:9" ht="15.5" x14ac:dyDescent="0.35">
      <c r="A137" s="11">
        <v>44392</v>
      </c>
      <c r="B137" s="6">
        <v>555</v>
      </c>
      <c r="C137" s="13" t="s">
        <v>263</v>
      </c>
      <c r="D137" s="13" t="s">
        <v>11</v>
      </c>
      <c r="E137" s="23" t="s">
        <v>75</v>
      </c>
      <c r="F137" s="14">
        <v>44382</v>
      </c>
      <c r="G137" s="12" t="s">
        <v>264</v>
      </c>
      <c r="H137" s="13" t="s">
        <v>260</v>
      </c>
      <c r="I137" s="13" t="s">
        <v>10</v>
      </c>
    </row>
    <row r="138" spans="1:9" ht="16.5" x14ac:dyDescent="0.45">
      <c r="A138" s="11">
        <v>44392</v>
      </c>
      <c r="B138" s="6">
        <v>1628</v>
      </c>
      <c r="C138" s="13" t="s">
        <v>270</v>
      </c>
      <c r="D138" s="13" t="s">
        <v>19</v>
      </c>
      <c r="E138" s="25" t="s">
        <v>790</v>
      </c>
      <c r="F138" s="14">
        <v>44396</v>
      </c>
      <c r="G138" s="12" t="s">
        <v>271</v>
      </c>
      <c r="H138" s="13" t="s">
        <v>272</v>
      </c>
      <c r="I138" s="32" t="s">
        <v>12</v>
      </c>
    </row>
    <row r="139" spans="1:9" ht="16.5" x14ac:dyDescent="0.45">
      <c r="A139" s="11">
        <v>44392</v>
      </c>
      <c r="B139" s="6">
        <v>1613</v>
      </c>
      <c r="C139" s="13" t="s">
        <v>24</v>
      </c>
      <c r="D139" s="13" t="s">
        <v>40</v>
      </c>
      <c r="E139" s="25" t="s">
        <v>791</v>
      </c>
      <c r="F139" s="14">
        <v>44393</v>
      </c>
      <c r="G139" s="12" t="s">
        <v>432</v>
      </c>
      <c r="H139" s="13" t="s">
        <v>431</v>
      </c>
      <c r="I139" s="13" t="s">
        <v>10</v>
      </c>
    </row>
    <row r="140" spans="1:9" ht="15.5" x14ac:dyDescent="0.35">
      <c r="A140" s="11">
        <v>44394</v>
      </c>
      <c r="B140" s="6">
        <v>9</v>
      </c>
      <c r="C140" s="13" t="s">
        <v>473</v>
      </c>
      <c r="D140" s="13" t="s">
        <v>278</v>
      </c>
      <c r="E140" s="7" t="s">
        <v>298</v>
      </c>
      <c r="F140" s="14">
        <v>44394</v>
      </c>
      <c r="G140" s="12" t="s">
        <v>474</v>
      </c>
      <c r="H140" s="13" t="s">
        <v>475</v>
      </c>
      <c r="I140" s="13" t="s">
        <v>12</v>
      </c>
    </row>
    <row r="141" spans="1:9" ht="15.5" x14ac:dyDescent="0.35">
      <c r="A141" s="11">
        <v>44396</v>
      </c>
      <c r="B141" s="6">
        <v>1933</v>
      </c>
      <c r="C141" s="13" t="s">
        <v>492</v>
      </c>
      <c r="D141" s="13" t="s">
        <v>19</v>
      </c>
      <c r="E141" s="7" t="s">
        <v>338</v>
      </c>
      <c r="F141" s="14">
        <v>44396</v>
      </c>
      <c r="G141" s="12" t="s">
        <v>493</v>
      </c>
      <c r="H141" s="13" t="s">
        <v>494</v>
      </c>
      <c r="I141" s="13" t="s">
        <v>10</v>
      </c>
    </row>
    <row r="142" spans="1:9" ht="16.5" x14ac:dyDescent="0.45">
      <c r="A142" s="11">
        <v>44398</v>
      </c>
      <c r="B142" s="6">
        <v>2259</v>
      </c>
      <c r="C142" s="13" t="s">
        <v>438</v>
      </c>
      <c r="D142" s="13" t="s">
        <v>441</v>
      </c>
      <c r="E142" s="25" t="s">
        <v>792</v>
      </c>
      <c r="F142" s="14">
        <v>44390</v>
      </c>
      <c r="G142" s="12" t="s">
        <v>439</v>
      </c>
      <c r="H142" s="13" t="s">
        <v>440</v>
      </c>
      <c r="I142" s="13" t="s">
        <v>12</v>
      </c>
    </row>
    <row r="143" spans="1:9" ht="16.5" x14ac:dyDescent="0.45">
      <c r="A143" s="11">
        <v>44398</v>
      </c>
      <c r="B143" s="6">
        <v>1444</v>
      </c>
      <c r="C143" s="13" t="s">
        <v>200</v>
      </c>
      <c r="D143" s="13" t="s">
        <v>203</v>
      </c>
      <c r="E143" s="25" t="s">
        <v>793</v>
      </c>
      <c r="F143" s="14">
        <v>44399</v>
      </c>
      <c r="G143" s="12" t="s">
        <v>471</v>
      </c>
      <c r="H143" s="13" t="s">
        <v>472</v>
      </c>
      <c r="I143" s="13" t="s">
        <v>10</v>
      </c>
    </row>
    <row r="144" spans="1:9" ht="15.5" x14ac:dyDescent="0.35">
      <c r="A144" s="11">
        <v>44402</v>
      </c>
      <c r="B144" s="6">
        <v>155</v>
      </c>
      <c r="C144" s="13" t="s">
        <v>453</v>
      </c>
      <c r="D144" s="13" t="s">
        <v>452</v>
      </c>
      <c r="E144" s="7" t="s">
        <v>298</v>
      </c>
      <c r="F144" s="14">
        <v>44403</v>
      </c>
      <c r="G144" s="12" t="s">
        <v>454</v>
      </c>
      <c r="H144" s="13" t="s">
        <v>455</v>
      </c>
      <c r="I144" s="13" t="s">
        <v>12</v>
      </c>
    </row>
    <row r="145" spans="1:9" ht="15.5" x14ac:dyDescent="0.35">
      <c r="A145" s="11">
        <v>44403</v>
      </c>
      <c r="B145" s="6">
        <v>1915</v>
      </c>
      <c r="C145" s="13" t="s">
        <v>222</v>
      </c>
      <c r="D145" s="13" t="s">
        <v>225</v>
      </c>
      <c r="E145" s="23" t="s">
        <v>90</v>
      </c>
      <c r="F145" s="14">
        <v>44470</v>
      </c>
      <c r="G145" s="12" t="s">
        <v>223</v>
      </c>
      <c r="H145" s="13" t="s">
        <v>224</v>
      </c>
      <c r="I145" s="13" t="s">
        <v>173</v>
      </c>
    </row>
    <row r="146" spans="1:9" ht="15.5" x14ac:dyDescent="0.35">
      <c r="A146" s="11">
        <v>44406</v>
      </c>
      <c r="B146" s="6">
        <v>2144</v>
      </c>
      <c r="C146" s="13" t="s">
        <v>192</v>
      </c>
      <c r="D146" s="13" t="s">
        <v>60</v>
      </c>
      <c r="E146" s="7" t="s">
        <v>97</v>
      </c>
      <c r="F146" s="14">
        <v>44441</v>
      </c>
      <c r="G146" s="12" t="s">
        <v>194</v>
      </c>
      <c r="H146" s="13" t="s">
        <v>193</v>
      </c>
      <c r="I146" s="13" t="s">
        <v>10</v>
      </c>
    </row>
    <row r="147" spans="1:9" ht="15.5" x14ac:dyDescent="0.35">
      <c r="A147" s="11">
        <v>44407</v>
      </c>
      <c r="B147" s="6">
        <v>1005</v>
      </c>
      <c r="C147" s="13" t="s">
        <v>282</v>
      </c>
      <c r="D147" s="13" t="s">
        <v>11</v>
      </c>
      <c r="E147" s="7" t="s">
        <v>75</v>
      </c>
      <c r="F147" s="14">
        <v>44407</v>
      </c>
      <c r="G147" s="12" t="s">
        <v>283</v>
      </c>
      <c r="H147" s="13" t="s">
        <v>284</v>
      </c>
      <c r="I147" s="13" t="s">
        <v>12</v>
      </c>
    </row>
    <row r="148" spans="1:9" ht="15.5" x14ac:dyDescent="0.35">
      <c r="A148" s="11">
        <v>44408</v>
      </c>
      <c r="B148" s="6">
        <v>1726</v>
      </c>
      <c r="C148" s="13" t="s">
        <v>117</v>
      </c>
      <c r="D148" s="13" t="s">
        <v>11</v>
      </c>
      <c r="E148" s="7" t="s">
        <v>75</v>
      </c>
      <c r="F148" s="14">
        <v>44408</v>
      </c>
      <c r="G148" s="12" t="s">
        <v>819</v>
      </c>
      <c r="H148" s="13" t="s">
        <v>118</v>
      </c>
      <c r="I148" s="13" t="s">
        <v>10</v>
      </c>
    </row>
    <row r="149" spans="1:9" ht="16.5" x14ac:dyDescent="0.45">
      <c r="A149" s="11">
        <v>44408</v>
      </c>
      <c r="B149" s="6">
        <v>1658</v>
      </c>
      <c r="C149" s="13" t="s">
        <v>357</v>
      </c>
      <c r="D149" s="13" t="s">
        <v>358</v>
      </c>
      <c r="E149" s="25" t="s">
        <v>794</v>
      </c>
      <c r="F149" s="14">
        <v>44408</v>
      </c>
      <c r="G149" s="12" t="s">
        <v>359</v>
      </c>
      <c r="H149" s="13" t="s">
        <v>360</v>
      </c>
      <c r="I149" s="13" t="s">
        <v>10</v>
      </c>
    </row>
    <row r="150" spans="1:9" ht="15.5" x14ac:dyDescent="0.35">
      <c r="A150" s="11">
        <v>44408</v>
      </c>
      <c r="B150" s="6">
        <v>2246</v>
      </c>
      <c r="C150" s="13" t="s">
        <v>459</v>
      </c>
      <c r="D150" s="13" t="s">
        <v>16</v>
      </c>
      <c r="E150" s="7" t="s">
        <v>338</v>
      </c>
      <c r="F150" s="14">
        <v>44408</v>
      </c>
      <c r="G150" s="12" t="s">
        <v>461</v>
      </c>
      <c r="H150" s="13" t="s">
        <v>460</v>
      </c>
      <c r="I150" s="13" t="s">
        <v>10</v>
      </c>
    </row>
    <row r="151" spans="1:9" ht="15.5" x14ac:dyDescent="0.35">
      <c r="A151" s="11">
        <v>44409</v>
      </c>
      <c r="B151" s="6">
        <v>219</v>
      </c>
      <c r="C151" s="13" t="s">
        <v>393</v>
      </c>
      <c r="D151" s="13" t="s">
        <v>391</v>
      </c>
      <c r="E151" s="7" t="s">
        <v>298</v>
      </c>
      <c r="F151" s="14">
        <v>44410</v>
      </c>
      <c r="G151" s="12" t="s">
        <v>394</v>
      </c>
      <c r="H151" s="13" t="s">
        <v>37</v>
      </c>
      <c r="I151" s="13" t="s">
        <v>12</v>
      </c>
    </row>
    <row r="152" spans="1:9" ht="15.5" x14ac:dyDescent="0.35">
      <c r="A152" s="11">
        <v>44409</v>
      </c>
      <c r="B152" s="6">
        <v>1520</v>
      </c>
      <c r="C152" s="13" t="s">
        <v>404</v>
      </c>
      <c r="D152" s="13" t="s">
        <v>405</v>
      </c>
      <c r="E152" s="4" t="s">
        <v>818</v>
      </c>
      <c r="F152" s="14">
        <v>44409</v>
      </c>
      <c r="G152" s="12" t="s">
        <v>406</v>
      </c>
      <c r="H152" s="13" t="s">
        <v>407</v>
      </c>
      <c r="I152" s="13" t="s">
        <v>12</v>
      </c>
    </row>
    <row r="153" spans="1:9" ht="15.5" x14ac:dyDescent="0.35">
      <c r="A153" s="11">
        <v>44411</v>
      </c>
      <c r="B153" s="6">
        <v>108</v>
      </c>
      <c r="C153" s="13" t="s">
        <v>340</v>
      </c>
      <c r="D153" s="13" t="s">
        <v>297</v>
      </c>
      <c r="E153" s="7" t="s">
        <v>298</v>
      </c>
      <c r="F153" s="14">
        <v>44411</v>
      </c>
      <c r="G153" s="12" t="s">
        <v>343</v>
      </c>
      <c r="H153" s="13" t="s">
        <v>341</v>
      </c>
      <c r="I153" s="13" t="s">
        <v>12</v>
      </c>
    </row>
    <row r="154" spans="1:9" ht="15.5" x14ac:dyDescent="0.35">
      <c r="A154" s="11">
        <v>44415</v>
      </c>
      <c r="B154" s="6">
        <v>2004</v>
      </c>
      <c r="C154" s="13" t="s">
        <v>388</v>
      </c>
      <c r="D154" s="13" t="s">
        <v>11</v>
      </c>
      <c r="E154" s="7" t="s">
        <v>331</v>
      </c>
      <c r="F154" s="14">
        <v>44415</v>
      </c>
      <c r="G154" s="17" t="s">
        <v>811</v>
      </c>
      <c r="H154" s="13" t="s">
        <v>389</v>
      </c>
      <c r="I154" s="15" t="s">
        <v>12</v>
      </c>
    </row>
    <row r="155" spans="1:9" ht="16.5" x14ac:dyDescent="0.35">
      <c r="A155" s="11">
        <v>44416</v>
      </c>
      <c r="B155" s="6">
        <v>749</v>
      </c>
      <c r="C155" s="13" t="s">
        <v>54</v>
      </c>
      <c r="D155" s="13" t="s">
        <v>30</v>
      </c>
      <c r="E155" s="26" t="s">
        <v>795</v>
      </c>
      <c r="F155" s="14">
        <v>44417</v>
      </c>
      <c r="G155" s="12" t="s">
        <v>434</v>
      </c>
      <c r="H155" s="13" t="s">
        <v>433</v>
      </c>
      <c r="I155" s="13" t="s">
        <v>10</v>
      </c>
    </row>
    <row r="156" spans="1:9" ht="16.5" x14ac:dyDescent="0.35">
      <c r="A156" s="11">
        <v>44418</v>
      </c>
      <c r="B156" s="6">
        <v>748</v>
      </c>
      <c r="C156" s="13" t="s">
        <v>195</v>
      </c>
      <c r="D156" s="13" t="s">
        <v>60</v>
      </c>
      <c r="E156" s="26" t="s">
        <v>796</v>
      </c>
      <c r="F156" s="14">
        <v>44431</v>
      </c>
      <c r="G156" s="12" t="s">
        <v>241</v>
      </c>
      <c r="H156" s="13" t="s">
        <v>242</v>
      </c>
      <c r="I156" s="13" t="s">
        <v>10</v>
      </c>
    </row>
    <row r="157" spans="1:9" ht="16.5" x14ac:dyDescent="0.45">
      <c r="A157" s="11">
        <v>44419</v>
      </c>
      <c r="B157" s="6">
        <v>1333</v>
      </c>
      <c r="C157" s="13" t="s">
        <v>238</v>
      </c>
      <c r="D157" s="13" t="s">
        <v>19</v>
      </c>
      <c r="E157" s="25" t="s">
        <v>797</v>
      </c>
      <c r="F157" s="14">
        <v>44420</v>
      </c>
      <c r="G157" s="12" t="s">
        <v>240</v>
      </c>
      <c r="H157" s="13" t="s">
        <v>239</v>
      </c>
      <c r="I157" s="13" t="s">
        <v>10</v>
      </c>
    </row>
    <row r="158" spans="1:9" ht="15.5" x14ac:dyDescent="0.35">
      <c r="A158" s="11">
        <v>44419</v>
      </c>
      <c r="B158" s="6">
        <v>18</v>
      </c>
      <c r="C158" s="13" t="s">
        <v>420</v>
      </c>
      <c r="D158" s="13" t="s">
        <v>423</v>
      </c>
      <c r="E158" s="7" t="s">
        <v>298</v>
      </c>
      <c r="F158" s="14">
        <v>44419</v>
      </c>
      <c r="G158" s="12" t="s">
        <v>422</v>
      </c>
      <c r="H158" s="13" t="s">
        <v>421</v>
      </c>
      <c r="I158" s="13" t="s">
        <v>12</v>
      </c>
    </row>
    <row r="159" spans="1:9" ht="16.5" x14ac:dyDescent="0.35">
      <c r="A159" s="11">
        <v>44420</v>
      </c>
      <c r="B159" s="6">
        <v>447</v>
      </c>
      <c r="C159" s="13" t="s">
        <v>361</v>
      </c>
      <c r="D159" s="13" t="s">
        <v>362</v>
      </c>
      <c r="E159" s="26" t="s">
        <v>798</v>
      </c>
      <c r="F159" s="14">
        <v>44420</v>
      </c>
      <c r="G159" s="12" t="s">
        <v>363</v>
      </c>
      <c r="H159" s="13" t="s">
        <v>364</v>
      </c>
      <c r="I159" s="13" t="s">
        <v>365</v>
      </c>
    </row>
    <row r="160" spans="1:9" ht="15.5" x14ac:dyDescent="0.35">
      <c r="A160" s="11">
        <v>44423</v>
      </c>
      <c r="B160" s="6">
        <v>33</v>
      </c>
      <c r="C160" s="13" t="s">
        <v>243</v>
      </c>
      <c r="D160" s="13" t="s">
        <v>11</v>
      </c>
      <c r="E160" s="7" t="s">
        <v>75</v>
      </c>
      <c r="F160" s="14">
        <v>44423</v>
      </c>
      <c r="G160" s="12" t="s">
        <v>244</v>
      </c>
      <c r="H160" s="13" t="s">
        <v>245</v>
      </c>
      <c r="I160" s="13" t="s">
        <v>173</v>
      </c>
    </row>
    <row r="161" spans="1:9" ht="16.5" x14ac:dyDescent="0.35">
      <c r="A161" s="11">
        <v>44427</v>
      </c>
      <c r="B161" s="6">
        <v>1828</v>
      </c>
      <c r="C161" s="13" t="s">
        <v>401</v>
      </c>
      <c r="D161" s="13" t="s">
        <v>20</v>
      </c>
      <c r="E161" s="26" t="s">
        <v>775</v>
      </c>
      <c r="F161" s="14">
        <v>44428</v>
      </c>
      <c r="G161" s="12" t="s">
        <v>402</v>
      </c>
      <c r="H161" s="13" t="s">
        <v>403</v>
      </c>
      <c r="I161" s="13" t="s">
        <v>10</v>
      </c>
    </row>
    <row r="162" spans="1:9" ht="15.5" x14ac:dyDescent="0.35">
      <c r="A162" s="11">
        <v>44428</v>
      </c>
      <c r="B162" s="6">
        <v>2007</v>
      </c>
      <c r="C162" s="13" t="s">
        <v>416</v>
      </c>
      <c r="D162" s="13" t="s">
        <v>417</v>
      </c>
      <c r="E162" s="7" t="s">
        <v>232</v>
      </c>
      <c r="F162" s="14">
        <v>44428</v>
      </c>
      <c r="G162" s="12" t="s">
        <v>418</v>
      </c>
      <c r="H162" s="13" t="s">
        <v>419</v>
      </c>
      <c r="I162" s="13" t="s">
        <v>15</v>
      </c>
    </row>
    <row r="163" spans="1:9" ht="16.5" x14ac:dyDescent="0.35">
      <c r="A163" s="11">
        <v>44429</v>
      </c>
      <c r="B163" s="6">
        <v>1710</v>
      </c>
      <c r="C163" s="13" t="s">
        <v>368</v>
      </c>
      <c r="D163" s="13" t="s">
        <v>369</v>
      </c>
      <c r="E163" s="26" t="s">
        <v>799</v>
      </c>
      <c r="F163" s="14">
        <v>44429</v>
      </c>
      <c r="G163" s="12" t="s">
        <v>370</v>
      </c>
      <c r="H163" s="13" t="s">
        <v>371</v>
      </c>
      <c r="I163" s="13" t="s">
        <v>10</v>
      </c>
    </row>
    <row r="164" spans="1:9" ht="16.5" x14ac:dyDescent="0.45">
      <c r="A164" s="11">
        <v>44433</v>
      </c>
      <c r="B164" s="6">
        <v>2130</v>
      </c>
      <c r="C164" s="13" t="s">
        <v>285</v>
      </c>
      <c r="D164" s="13" t="s">
        <v>287</v>
      </c>
      <c r="E164" s="25" t="s">
        <v>800</v>
      </c>
      <c r="F164" s="14">
        <v>44433</v>
      </c>
      <c r="G164" s="12" t="s">
        <v>288</v>
      </c>
      <c r="H164" s="13" t="s">
        <v>286</v>
      </c>
      <c r="I164" s="13" t="s">
        <v>10</v>
      </c>
    </row>
    <row r="165" spans="1:9" ht="15.5" x14ac:dyDescent="0.35">
      <c r="A165" s="11">
        <v>44435</v>
      </c>
      <c r="B165" s="6">
        <v>1958</v>
      </c>
      <c r="C165" s="13" t="s">
        <v>354</v>
      </c>
      <c r="D165" s="13" t="s">
        <v>11</v>
      </c>
      <c r="E165" s="7" t="s">
        <v>331</v>
      </c>
      <c r="F165" s="14">
        <v>44435</v>
      </c>
      <c r="G165" s="12" t="s">
        <v>356</v>
      </c>
      <c r="H165" s="13" t="s">
        <v>355</v>
      </c>
      <c r="I165" s="13" t="s">
        <v>10</v>
      </c>
    </row>
    <row r="166" spans="1:9" ht="15.5" x14ac:dyDescent="0.35">
      <c r="A166" s="11">
        <v>44435</v>
      </c>
      <c r="B166" s="6">
        <v>1608</v>
      </c>
      <c r="C166" s="13" t="s">
        <v>327</v>
      </c>
      <c r="D166" s="13" t="s">
        <v>391</v>
      </c>
      <c r="E166" s="7" t="s">
        <v>298</v>
      </c>
      <c r="F166" s="14">
        <v>44436</v>
      </c>
      <c r="G166" s="12" t="s">
        <v>392</v>
      </c>
      <c r="H166" s="13" t="s">
        <v>390</v>
      </c>
      <c r="I166" s="13" t="s">
        <v>12</v>
      </c>
    </row>
    <row r="167" spans="1:9" ht="15.5" x14ac:dyDescent="0.35">
      <c r="A167" s="11">
        <v>44436</v>
      </c>
      <c r="B167" s="6">
        <v>1607</v>
      </c>
      <c r="C167" s="13" t="s">
        <v>384</v>
      </c>
      <c r="D167" s="13" t="s">
        <v>382</v>
      </c>
      <c r="E167" s="23" t="s">
        <v>383</v>
      </c>
      <c r="F167" s="14">
        <v>44436</v>
      </c>
      <c r="G167" s="12" t="s">
        <v>381</v>
      </c>
      <c r="H167" s="13" t="s">
        <v>379</v>
      </c>
      <c r="I167" s="13" t="s">
        <v>380</v>
      </c>
    </row>
    <row r="168" spans="1:9" ht="16.5" x14ac:dyDescent="0.35">
      <c r="A168" s="11">
        <v>44437</v>
      </c>
      <c r="B168" s="6">
        <v>51</v>
      </c>
      <c r="C168" s="13" t="s">
        <v>309</v>
      </c>
      <c r="D168" s="13" t="s">
        <v>11</v>
      </c>
      <c r="E168" s="26" t="s">
        <v>787</v>
      </c>
      <c r="F168" s="14">
        <v>44437</v>
      </c>
      <c r="G168" s="12" t="s">
        <v>311</v>
      </c>
      <c r="H168" s="13" t="s">
        <v>310</v>
      </c>
      <c r="I168" s="13" t="s">
        <v>12</v>
      </c>
    </row>
    <row r="169" spans="1:9" ht="15.5" x14ac:dyDescent="0.35">
      <c r="A169" s="11">
        <v>44439</v>
      </c>
      <c r="B169" s="6">
        <v>1510</v>
      </c>
      <c r="C169" s="13" t="s">
        <v>82</v>
      </c>
      <c r="D169" s="4" t="s">
        <v>85</v>
      </c>
      <c r="E169" s="28" t="s">
        <v>99</v>
      </c>
      <c r="F169" s="14">
        <v>44441</v>
      </c>
      <c r="G169" s="12" t="s">
        <v>84</v>
      </c>
      <c r="H169" s="13" t="s">
        <v>83</v>
      </c>
      <c r="I169" s="13" t="s">
        <v>91</v>
      </c>
    </row>
    <row r="170" spans="1:9" ht="16.5" x14ac:dyDescent="0.35">
      <c r="A170" s="11">
        <v>44441</v>
      </c>
      <c r="B170" s="6">
        <v>223</v>
      </c>
      <c r="C170" s="13" t="s">
        <v>320</v>
      </c>
      <c r="D170" s="13" t="s">
        <v>16</v>
      </c>
      <c r="E170" s="26" t="s">
        <v>766</v>
      </c>
      <c r="F170" s="14">
        <v>44441</v>
      </c>
      <c r="G170" s="12" t="s">
        <v>322</v>
      </c>
      <c r="H170" s="13" t="s">
        <v>321</v>
      </c>
      <c r="I170" s="13" t="s">
        <v>10</v>
      </c>
    </row>
    <row r="171" spans="1:9" ht="15.5" x14ac:dyDescent="0.35">
      <c r="A171" s="11">
        <v>44443</v>
      </c>
      <c r="B171" s="6">
        <v>1933</v>
      </c>
      <c r="C171" s="13" t="s">
        <v>134</v>
      </c>
      <c r="D171" s="13" t="s">
        <v>136</v>
      </c>
      <c r="E171" s="7" t="s">
        <v>17</v>
      </c>
      <c r="F171" s="14">
        <v>44443</v>
      </c>
      <c r="G171" s="12" t="s">
        <v>23</v>
      </c>
      <c r="H171" s="13" t="s">
        <v>135</v>
      </c>
      <c r="I171" s="13" t="s">
        <v>101</v>
      </c>
    </row>
    <row r="172" spans="1:9" ht="15.5" x14ac:dyDescent="0.35">
      <c r="A172" s="19">
        <v>44443</v>
      </c>
      <c r="B172" s="6">
        <v>1936</v>
      </c>
      <c r="C172" s="13" t="s">
        <v>316</v>
      </c>
      <c r="D172" s="13" t="s">
        <v>314</v>
      </c>
      <c r="E172" s="7" t="s">
        <v>318</v>
      </c>
      <c r="F172" s="14">
        <v>44443</v>
      </c>
      <c r="G172" s="12" t="s">
        <v>317</v>
      </c>
      <c r="H172" s="13" t="s">
        <v>319</v>
      </c>
      <c r="I172" s="13" t="s">
        <v>12</v>
      </c>
    </row>
    <row r="173" spans="1:9" ht="15.5" x14ac:dyDescent="0.35">
      <c r="A173" s="11">
        <v>44447</v>
      </c>
      <c r="B173" s="6">
        <v>1807</v>
      </c>
      <c r="C173" s="13" t="s">
        <v>24</v>
      </c>
      <c r="D173" s="13" t="s">
        <v>11</v>
      </c>
      <c r="E173" s="7" t="s">
        <v>75</v>
      </c>
      <c r="F173" s="14" t="s">
        <v>187</v>
      </c>
      <c r="G173" s="12" t="s">
        <v>188</v>
      </c>
      <c r="H173" s="13" t="s">
        <v>186</v>
      </c>
      <c r="I173" s="13" t="s">
        <v>12</v>
      </c>
    </row>
    <row r="174" spans="1:9" ht="16.5" x14ac:dyDescent="0.35">
      <c r="A174" s="11">
        <v>44447</v>
      </c>
      <c r="B174" s="6">
        <v>529</v>
      </c>
      <c r="C174" s="13" t="s">
        <v>289</v>
      </c>
      <c r="D174" s="13" t="s">
        <v>292</v>
      </c>
      <c r="E174" s="26" t="s">
        <v>782</v>
      </c>
      <c r="F174" s="14">
        <v>44467</v>
      </c>
      <c r="G174" s="12" t="s">
        <v>290</v>
      </c>
      <c r="H174" s="13" t="s">
        <v>291</v>
      </c>
      <c r="I174" s="13" t="s">
        <v>10</v>
      </c>
    </row>
    <row r="175" spans="1:9" ht="16.5" x14ac:dyDescent="0.35">
      <c r="A175" s="11">
        <v>44448</v>
      </c>
      <c r="B175" s="6">
        <v>1606</v>
      </c>
      <c r="C175" s="13" t="s">
        <v>220</v>
      </c>
      <c r="D175" s="13" t="s">
        <v>226</v>
      </c>
      <c r="E175" s="26" t="s">
        <v>775</v>
      </c>
      <c r="F175" s="14">
        <v>44449</v>
      </c>
      <c r="G175" s="12" t="s">
        <v>221</v>
      </c>
      <c r="H175" s="13" t="s">
        <v>227</v>
      </c>
      <c r="I175" s="13" t="s">
        <v>10</v>
      </c>
    </row>
    <row r="176" spans="1:9" ht="15.5" x14ac:dyDescent="0.35">
      <c r="A176" s="11">
        <v>44450</v>
      </c>
      <c r="B176" s="6">
        <v>1502</v>
      </c>
      <c r="C176" s="13" t="s">
        <v>233</v>
      </c>
      <c r="D176" s="13" t="s">
        <v>235</v>
      </c>
      <c r="E176" s="23" t="s">
        <v>236</v>
      </c>
      <c r="F176" s="14">
        <v>44450</v>
      </c>
      <c r="G176" s="12" t="s">
        <v>237</v>
      </c>
      <c r="H176" s="13" t="s">
        <v>234</v>
      </c>
      <c r="I176" s="13" t="s">
        <v>10</v>
      </c>
    </row>
    <row r="177" spans="1:9" ht="15.5" x14ac:dyDescent="0.35">
      <c r="A177" s="11">
        <v>44453</v>
      </c>
      <c r="B177" s="6">
        <v>1457</v>
      </c>
      <c r="C177" s="13" t="s">
        <v>348</v>
      </c>
      <c r="D177" s="13" t="s">
        <v>11</v>
      </c>
      <c r="E177" s="7" t="s">
        <v>331</v>
      </c>
      <c r="F177" s="14">
        <v>44453</v>
      </c>
      <c r="G177" s="12" t="s">
        <v>349</v>
      </c>
      <c r="H177" s="13" t="s">
        <v>350</v>
      </c>
      <c r="I177" s="13" t="s">
        <v>10</v>
      </c>
    </row>
    <row r="178" spans="1:9" ht="16.5" x14ac:dyDescent="0.45">
      <c r="A178" s="11">
        <v>44453</v>
      </c>
      <c r="B178" s="6">
        <v>1556</v>
      </c>
      <c r="C178" s="13" t="s">
        <v>54</v>
      </c>
      <c r="D178" s="13" t="s">
        <v>41</v>
      </c>
      <c r="E178" s="25" t="s">
        <v>801</v>
      </c>
      <c r="F178" s="14">
        <v>44454</v>
      </c>
      <c r="G178" s="12" t="s">
        <v>367</v>
      </c>
      <c r="H178" s="13" t="s">
        <v>366</v>
      </c>
      <c r="I178" s="13" t="s">
        <v>10</v>
      </c>
    </row>
    <row r="179" spans="1:9" ht="15.5" x14ac:dyDescent="0.35">
      <c r="A179" s="11">
        <v>44455</v>
      </c>
      <c r="B179" s="6">
        <v>1621</v>
      </c>
      <c r="C179" s="13" t="s">
        <v>63</v>
      </c>
      <c r="D179" s="13" t="s">
        <v>64</v>
      </c>
      <c r="E179" s="27" t="s">
        <v>53</v>
      </c>
      <c r="F179" s="14">
        <v>44470</v>
      </c>
      <c r="G179" s="12" t="s">
        <v>65</v>
      </c>
      <c r="H179" s="13" t="s">
        <v>66</v>
      </c>
      <c r="I179" s="13" t="s">
        <v>10</v>
      </c>
    </row>
    <row r="180" spans="1:9" ht="15.5" x14ac:dyDescent="0.35">
      <c r="A180" s="11">
        <v>44455</v>
      </c>
      <c r="B180" s="6">
        <v>2312</v>
      </c>
      <c r="C180" s="13" t="s">
        <v>334</v>
      </c>
      <c r="D180" s="13" t="s">
        <v>297</v>
      </c>
      <c r="E180" s="7" t="s">
        <v>298</v>
      </c>
      <c r="F180" s="14">
        <v>44456</v>
      </c>
      <c r="G180" s="12" t="s">
        <v>335</v>
      </c>
      <c r="H180" s="13" t="s">
        <v>336</v>
      </c>
      <c r="I180" s="13" t="s">
        <v>10</v>
      </c>
    </row>
    <row r="181" spans="1:9" ht="15.5" x14ac:dyDescent="0.35">
      <c r="A181" s="11">
        <v>44456</v>
      </c>
      <c r="B181" s="6">
        <v>2311</v>
      </c>
      <c r="C181" s="13" t="s">
        <v>137</v>
      </c>
      <c r="D181" s="13" t="s">
        <v>138</v>
      </c>
      <c r="E181" s="23" t="s">
        <v>141</v>
      </c>
      <c r="F181" s="14">
        <v>44546</v>
      </c>
      <c r="G181" s="12" t="s">
        <v>139</v>
      </c>
      <c r="H181" s="13" t="s">
        <v>140</v>
      </c>
      <c r="I181" s="13" t="s">
        <v>10</v>
      </c>
    </row>
    <row r="182" spans="1:9" ht="15.5" x14ac:dyDescent="0.35">
      <c r="A182" s="11">
        <v>44456</v>
      </c>
      <c r="B182" s="6">
        <v>947</v>
      </c>
      <c r="C182" s="13" t="s">
        <v>54</v>
      </c>
      <c r="D182" s="13" t="s">
        <v>211</v>
      </c>
      <c r="E182" s="23" t="s">
        <v>42</v>
      </c>
      <c r="F182" s="14">
        <v>44459</v>
      </c>
      <c r="G182" s="12" t="s">
        <v>210</v>
      </c>
      <c r="H182" s="13" t="s">
        <v>209</v>
      </c>
      <c r="I182" s="13" t="s">
        <v>91</v>
      </c>
    </row>
    <row r="183" spans="1:9" ht="16.5" x14ac:dyDescent="0.45">
      <c r="A183" s="11">
        <v>44456</v>
      </c>
      <c r="B183" s="6">
        <v>1248</v>
      </c>
      <c r="C183" s="13" t="s">
        <v>305</v>
      </c>
      <c r="D183" s="13" t="s">
        <v>306</v>
      </c>
      <c r="E183" s="25" t="s">
        <v>802</v>
      </c>
      <c r="F183" s="14">
        <v>44456</v>
      </c>
      <c r="G183" s="12" t="s">
        <v>307</v>
      </c>
      <c r="H183" s="13" t="s">
        <v>308</v>
      </c>
      <c r="I183" s="13" t="s">
        <v>10</v>
      </c>
    </row>
    <row r="184" spans="1:9" ht="16.5" x14ac:dyDescent="0.45">
      <c r="A184" s="11">
        <v>44458</v>
      </c>
      <c r="B184" s="6">
        <v>1142</v>
      </c>
      <c r="C184" s="13" t="s">
        <v>256</v>
      </c>
      <c r="D184" s="13" t="s">
        <v>16</v>
      </c>
      <c r="E184" s="25" t="s">
        <v>773</v>
      </c>
      <c r="F184" s="14">
        <v>44459</v>
      </c>
      <c r="G184" s="12" t="s">
        <v>258</v>
      </c>
      <c r="H184" s="13" t="s">
        <v>257</v>
      </c>
      <c r="I184" s="13" t="s">
        <v>10</v>
      </c>
    </row>
    <row r="185" spans="1:9" ht="15.5" x14ac:dyDescent="0.35">
      <c r="A185" s="11">
        <v>44461</v>
      </c>
      <c r="B185" s="6">
        <v>2046</v>
      </c>
      <c r="C185" s="13" t="s">
        <v>296</v>
      </c>
      <c r="D185" s="13" t="s">
        <v>297</v>
      </c>
      <c r="E185" s="7" t="s">
        <v>298</v>
      </c>
      <c r="F185" s="14">
        <v>44462</v>
      </c>
      <c r="G185" s="12" t="s">
        <v>299</v>
      </c>
      <c r="H185" s="13" t="s">
        <v>300</v>
      </c>
      <c r="I185" s="13" t="s">
        <v>10</v>
      </c>
    </row>
    <row r="186" spans="1:9" ht="15.5" x14ac:dyDescent="0.35">
      <c r="A186" s="11">
        <v>44463</v>
      </c>
      <c r="B186" s="6">
        <v>136</v>
      </c>
      <c r="C186" s="13" t="s">
        <v>250</v>
      </c>
      <c r="D186" s="13" t="s">
        <v>11</v>
      </c>
      <c r="E186" s="7" t="s">
        <v>75</v>
      </c>
      <c r="F186" s="14">
        <v>44463</v>
      </c>
      <c r="G186" s="12" t="s">
        <v>252</v>
      </c>
      <c r="H186" s="13" t="s">
        <v>251</v>
      </c>
      <c r="I186" s="13" t="s">
        <v>173</v>
      </c>
    </row>
    <row r="187" spans="1:9" ht="16.5" x14ac:dyDescent="0.45">
      <c r="A187" s="11">
        <v>44464</v>
      </c>
      <c r="B187" s="6">
        <v>1414</v>
      </c>
      <c r="C187" s="13" t="s">
        <v>273</v>
      </c>
      <c r="D187" s="13" t="s">
        <v>274</v>
      </c>
      <c r="E187" s="25" t="s">
        <v>803</v>
      </c>
      <c r="F187" s="14" t="s">
        <v>275</v>
      </c>
      <c r="G187" s="12" t="s">
        <v>276</v>
      </c>
      <c r="H187" s="13" t="s">
        <v>277</v>
      </c>
      <c r="I187" s="13" t="s">
        <v>12</v>
      </c>
    </row>
    <row r="188" spans="1:9" ht="15.5" x14ac:dyDescent="0.35">
      <c r="A188" s="11">
        <v>44466</v>
      </c>
      <c r="B188" s="6">
        <v>1516</v>
      </c>
      <c r="C188" s="13" t="s">
        <v>200</v>
      </c>
      <c r="D188" s="13" t="s">
        <v>297</v>
      </c>
      <c r="E188" s="7" t="s">
        <v>298</v>
      </c>
      <c r="F188" s="14">
        <v>44467</v>
      </c>
      <c r="G188" s="12" t="s">
        <v>347</v>
      </c>
      <c r="H188" s="13" t="s">
        <v>45</v>
      </c>
      <c r="I188" s="13" t="s">
        <v>10</v>
      </c>
    </row>
    <row r="189" spans="1:9" ht="15.5" x14ac:dyDescent="0.35">
      <c r="A189" s="11">
        <v>44467</v>
      </c>
      <c r="B189" s="6">
        <v>1630</v>
      </c>
      <c r="C189" s="13" t="s">
        <v>119</v>
      </c>
      <c r="D189" s="13" t="s">
        <v>11</v>
      </c>
      <c r="E189" s="7" t="s">
        <v>75</v>
      </c>
      <c r="F189" s="14">
        <v>44488</v>
      </c>
      <c r="G189" s="12" t="s">
        <v>121</v>
      </c>
      <c r="H189" s="13" t="s">
        <v>120</v>
      </c>
      <c r="I189" s="13" t="s">
        <v>10</v>
      </c>
    </row>
    <row r="190" spans="1:9" ht="16.5" x14ac:dyDescent="0.45">
      <c r="A190" s="11">
        <v>44467</v>
      </c>
      <c r="B190" s="6">
        <v>156</v>
      </c>
      <c r="C190" s="13" t="s">
        <v>301</v>
      </c>
      <c r="D190" s="13" t="s">
        <v>145</v>
      </c>
      <c r="E190" s="25" t="s">
        <v>804</v>
      </c>
      <c r="F190" s="14">
        <v>44467</v>
      </c>
      <c r="G190" s="12" t="s">
        <v>302</v>
      </c>
      <c r="H190" s="13" t="s">
        <v>303</v>
      </c>
      <c r="I190" s="13" t="s">
        <v>10</v>
      </c>
    </row>
    <row r="191" spans="1:9" ht="15.5" x14ac:dyDescent="0.35">
      <c r="A191" s="11">
        <v>44469</v>
      </c>
      <c r="B191" s="6">
        <v>2247</v>
      </c>
      <c r="C191" s="13" t="s">
        <v>146</v>
      </c>
      <c r="D191" s="13" t="s">
        <v>11</v>
      </c>
      <c r="E191" s="23" t="s">
        <v>75</v>
      </c>
      <c r="F191" s="14">
        <v>44470</v>
      </c>
      <c r="G191" s="12" t="s">
        <v>148</v>
      </c>
      <c r="H191" s="13" t="s">
        <v>147</v>
      </c>
      <c r="I191" s="13" t="s">
        <v>10</v>
      </c>
    </row>
    <row r="192" spans="1:9" ht="15.5" x14ac:dyDescent="0.35">
      <c r="A192" s="11">
        <v>44473</v>
      </c>
      <c r="B192" s="6">
        <v>823</v>
      </c>
      <c r="C192" s="13" t="s">
        <v>200</v>
      </c>
      <c r="D192" s="13" t="s">
        <v>203</v>
      </c>
      <c r="E192" s="23" t="s">
        <v>204</v>
      </c>
      <c r="F192" s="14">
        <v>44473</v>
      </c>
      <c r="G192" s="12" t="s">
        <v>201</v>
      </c>
      <c r="H192" s="13" t="s">
        <v>202</v>
      </c>
      <c r="I192" s="13" t="s">
        <v>10</v>
      </c>
    </row>
    <row r="193" spans="1:9" ht="16.5" x14ac:dyDescent="0.35">
      <c r="A193" s="11">
        <v>44473</v>
      </c>
      <c r="B193" s="6">
        <v>1613</v>
      </c>
      <c r="C193" s="13" t="s">
        <v>267</v>
      </c>
      <c r="D193" s="13" t="s">
        <v>278</v>
      </c>
      <c r="E193" s="26" t="s">
        <v>775</v>
      </c>
      <c r="F193" s="14">
        <v>44474</v>
      </c>
      <c r="G193" s="12" t="s">
        <v>268</v>
      </c>
      <c r="H193" s="18" t="s">
        <v>269</v>
      </c>
      <c r="I193" s="13" t="s">
        <v>12</v>
      </c>
    </row>
    <row r="194" spans="1:9" ht="15.5" x14ac:dyDescent="0.35">
      <c r="A194" s="11">
        <v>44474</v>
      </c>
      <c r="B194" s="6">
        <v>1826</v>
      </c>
      <c r="C194" s="13" t="s">
        <v>253</v>
      </c>
      <c r="D194" s="13" t="s">
        <v>39</v>
      </c>
      <c r="E194" s="23" t="s">
        <v>75</v>
      </c>
      <c r="F194" s="14">
        <v>44474</v>
      </c>
      <c r="G194" s="12" t="s">
        <v>254</v>
      </c>
      <c r="H194" s="13" t="s">
        <v>255</v>
      </c>
      <c r="I194" s="13" t="s">
        <v>10</v>
      </c>
    </row>
    <row r="195" spans="1:9" ht="16.5" x14ac:dyDescent="0.35">
      <c r="A195" s="11">
        <v>44475</v>
      </c>
      <c r="B195" s="6">
        <v>1551</v>
      </c>
      <c r="C195" s="13" t="s">
        <v>312</v>
      </c>
      <c r="D195" s="13" t="s">
        <v>314</v>
      </c>
      <c r="E195" s="26" t="s">
        <v>805</v>
      </c>
      <c r="F195" s="14">
        <v>44475</v>
      </c>
      <c r="G195" s="12" t="s">
        <v>315</v>
      </c>
      <c r="H195" s="13" t="s">
        <v>313</v>
      </c>
      <c r="I195" s="13" t="s">
        <v>10</v>
      </c>
    </row>
    <row r="196" spans="1:9" ht="15.5" x14ac:dyDescent="0.35">
      <c r="A196" s="11">
        <v>44475</v>
      </c>
      <c r="B196" s="6">
        <v>439</v>
      </c>
      <c r="C196" s="13" t="s">
        <v>323</v>
      </c>
      <c r="D196" s="13" t="s">
        <v>326</v>
      </c>
      <c r="E196" s="7" t="s">
        <v>23</v>
      </c>
      <c r="F196" s="14">
        <v>44481</v>
      </c>
      <c r="G196" s="12" t="s">
        <v>325</v>
      </c>
      <c r="H196" s="13" t="s">
        <v>324</v>
      </c>
      <c r="I196" s="13" t="s">
        <v>10</v>
      </c>
    </row>
    <row r="197" spans="1:9" ht="15.5" x14ac:dyDescent="0.35">
      <c r="A197" s="11">
        <v>44479</v>
      </c>
      <c r="B197" s="6">
        <v>1507</v>
      </c>
      <c r="C197" s="13" t="s">
        <v>158</v>
      </c>
      <c r="D197" s="13" t="s">
        <v>159</v>
      </c>
      <c r="E197" s="23" t="s">
        <v>38</v>
      </c>
      <c r="F197" s="14">
        <v>44482</v>
      </c>
      <c r="G197" s="12" t="s">
        <v>160</v>
      </c>
      <c r="H197" s="13" t="s">
        <v>161</v>
      </c>
      <c r="I197" s="13" t="s">
        <v>10</v>
      </c>
    </row>
    <row r="198" spans="1:9" ht="15.5" x14ac:dyDescent="0.35">
      <c r="A198" s="9">
        <v>44481</v>
      </c>
      <c r="B198" s="6">
        <v>1516</v>
      </c>
      <c r="C198" s="5" t="s">
        <v>48</v>
      </c>
      <c r="D198" s="5" t="s">
        <v>19</v>
      </c>
      <c r="E198" s="27" t="s">
        <v>27</v>
      </c>
      <c r="F198" s="10">
        <v>44482</v>
      </c>
      <c r="G198" s="6" t="s">
        <v>51</v>
      </c>
      <c r="H198" s="5" t="s">
        <v>46</v>
      </c>
      <c r="I198" s="5" t="s">
        <v>10</v>
      </c>
    </row>
    <row r="199" spans="1:9" ht="15.5" x14ac:dyDescent="0.35">
      <c r="A199" s="11">
        <v>44481</v>
      </c>
      <c r="B199" s="6">
        <v>1722</v>
      </c>
      <c r="C199" s="13" t="s">
        <v>58</v>
      </c>
      <c r="D199" s="13" t="s">
        <v>60</v>
      </c>
      <c r="E199" s="27" t="s">
        <v>97</v>
      </c>
      <c r="F199" s="10">
        <v>44510</v>
      </c>
      <c r="G199" s="6" t="s">
        <v>61</v>
      </c>
      <c r="H199" s="5" t="s">
        <v>62</v>
      </c>
      <c r="I199" s="5" t="s">
        <v>10</v>
      </c>
    </row>
    <row r="200" spans="1:9" ht="15.5" x14ac:dyDescent="0.35">
      <c r="A200" s="11">
        <v>44481</v>
      </c>
      <c r="B200" s="6">
        <v>1516</v>
      </c>
      <c r="C200" s="13" t="s">
        <v>48</v>
      </c>
      <c r="D200" s="13" t="s">
        <v>19</v>
      </c>
      <c r="E200" s="7" t="s">
        <v>27</v>
      </c>
      <c r="F200" s="14">
        <v>44482</v>
      </c>
      <c r="G200" s="12" t="s">
        <v>51</v>
      </c>
      <c r="H200" s="13" t="s">
        <v>46</v>
      </c>
      <c r="I200" s="13" t="s">
        <v>10</v>
      </c>
    </row>
    <row r="201" spans="1:9" ht="15.5" x14ac:dyDescent="0.35">
      <c r="A201" s="11">
        <v>44485</v>
      </c>
      <c r="B201" s="6">
        <v>1928</v>
      </c>
      <c r="C201" s="13" t="s">
        <v>152</v>
      </c>
      <c r="D201" s="13" t="s">
        <v>128</v>
      </c>
      <c r="E201" s="7" t="s">
        <v>21</v>
      </c>
      <c r="F201" s="14">
        <v>44487</v>
      </c>
      <c r="G201" s="12" t="s">
        <v>153</v>
      </c>
      <c r="H201" s="13" t="s">
        <v>154</v>
      </c>
      <c r="I201" s="13" t="s">
        <v>91</v>
      </c>
    </row>
    <row r="202" spans="1:9" ht="15.5" x14ac:dyDescent="0.35">
      <c r="A202" s="11">
        <v>44489</v>
      </c>
      <c r="B202" s="6">
        <v>1557</v>
      </c>
      <c r="C202" s="13" t="s">
        <v>111</v>
      </c>
      <c r="D202" s="13" t="s">
        <v>19</v>
      </c>
      <c r="E202" s="27" t="s">
        <v>27</v>
      </c>
      <c r="F202" s="14">
        <v>44501</v>
      </c>
      <c r="G202" s="12" t="s">
        <v>112</v>
      </c>
      <c r="H202" s="13" t="s">
        <v>113</v>
      </c>
      <c r="I202" s="13" t="s">
        <v>10</v>
      </c>
    </row>
    <row r="203" spans="1:9" ht="15.5" x14ac:dyDescent="0.35">
      <c r="A203" s="11">
        <v>44489</v>
      </c>
      <c r="B203" s="6">
        <v>803</v>
      </c>
      <c r="C203" s="13" t="s">
        <v>212</v>
      </c>
      <c r="D203" s="13" t="s">
        <v>213</v>
      </c>
      <c r="E203" s="23" t="s">
        <v>38</v>
      </c>
      <c r="F203" s="14">
        <v>44490</v>
      </c>
      <c r="G203" s="12" t="s">
        <v>214</v>
      </c>
      <c r="H203" s="13" t="s">
        <v>215</v>
      </c>
      <c r="I203" s="13" t="s">
        <v>10</v>
      </c>
    </row>
    <row r="204" spans="1:9" ht="16.5" x14ac:dyDescent="0.35">
      <c r="A204" s="11">
        <v>44490</v>
      </c>
      <c r="B204" s="6">
        <v>1800</v>
      </c>
      <c r="C204" s="13" t="s">
        <v>67</v>
      </c>
      <c r="D204" s="13" t="s">
        <v>60</v>
      </c>
      <c r="E204" s="26" t="s">
        <v>812</v>
      </c>
      <c r="F204" s="14">
        <v>44565</v>
      </c>
      <c r="G204" s="17" t="s">
        <v>813</v>
      </c>
      <c r="H204" s="13" t="s">
        <v>69</v>
      </c>
      <c r="I204" s="13" t="s">
        <v>10</v>
      </c>
    </row>
    <row r="205" spans="1:9" ht="15.5" x14ac:dyDescent="0.35">
      <c r="A205" s="11">
        <v>44491</v>
      </c>
      <c r="B205" s="6">
        <v>2047</v>
      </c>
      <c r="C205" s="13" t="s">
        <v>293</v>
      </c>
      <c r="D205" s="13" t="s">
        <v>213</v>
      </c>
      <c r="E205" s="23" t="s">
        <v>38</v>
      </c>
      <c r="F205" s="14">
        <v>44492</v>
      </c>
      <c r="G205" s="12" t="s">
        <v>294</v>
      </c>
      <c r="H205" s="13" t="s">
        <v>295</v>
      </c>
      <c r="I205" s="13" t="s">
        <v>10</v>
      </c>
    </row>
    <row r="206" spans="1:9" ht="15.5" x14ac:dyDescent="0.35">
      <c r="A206" s="11">
        <v>44493</v>
      </c>
      <c r="B206" s="6">
        <v>717</v>
      </c>
      <c r="C206" s="13" t="s">
        <v>155</v>
      </c>
      <c r="D206" s="13" t="s">
        <v>128</v>
      </c>
      <c r="E206" s="7" t="s">
        <v>21</v>
      </c>
      <c r="F206" s="14">
        <v>44494</v>
      </c>
      <c r="G206" s="12" t="s">
        <v>156</v>
      </c>
      <c r="H206" s="13" t="s">
        <v>157</v>
      </c>
      <c r="I206" s="13" t="s">
        <v>10</v>
      </c>
    </row>
    <row r="207" spans="1:9" ht="15.5" x14ac:dyDescent="0.35">
      <c r="A207" s="11">
        <v>44496</v>
      </c>
      <c r="B207" s="6">
        <v>41</v>
      </c>
      <c r="C207" s="13" t="s">
        <v>228</v>
      </c>
      <c r="D207" s="13" t="s">
        <v>231</v>
      </c>
      <c r="E207" s="23" t="s">
        <v>232</v>
      </c>
      <c r="F207" s="14">
        <v>44496</v>
      </c>
      <c r="G207" s="12" t="s">
        <v>229</v>
      </c>
      <c r="H207" s="13" t="s">
        <v>230</v>
      </c>
      <c r="I207" s="13" t="s">
        <v>10</v>
      </c>
    </row>
    <row r="208" spans="1:9" ht="15.5" x14ac:dyDescent="0.35">
      <c r="A208" s="11">
        <v>44497</v>
      </c>
      <c r="B208" s="6">
        <v>1948</v>
      </c>
      <c r="C208" s="13" t="s">
        <v>246</v>
      </c>
      <c r="D208" s="13" t="s">
        <v>249</v>
      </c>
      <c r="E208" s="7" t="s">
        <v>21</v>
      </c>
      <c r="F208" s="14">
        <v>44498</v>
      </c>
      <c r="G208" s="12" t="s">
        <v>247</v>
      </c>
      <c r="H208" s="13" t="s">
        <v>248</v>
      </c>
      <c r="I208" s="13" t="s">
        <v>10</v>
      </c>
    </row>
    <row r="209" spans="1:9" ht="15.5" x14ac:dyDescent="0.35">
      <c r="A209" s="11">
        <v>44499</v>
      </c>
      <c r="B209" s="6">
        <v>1739</v>
      </c>
      <c r="C209" s="13" t="s">
        <v>114</v>
      </c>
      <c r="D209" s="13" t="s">
        <v>11</v>
      </c>
      <c r="E209" s="7" t="s">
        <v>75</v>
      </c>
      <c r="F209" s="14">
        <v>44552</v>
      </c>
      <c r="G209" s="12" t="s">
        <v>115</v>
      </c>
      <c r="H209" s="13" t="s">
        <v>116</v>
      </c>
      <c r="I209" s="13" t="s">
        <v>10</v>
      </c>
    </row>
    <row r="210" spans="1:9" ht="15.5" x14ac:dyDescent="0.35">
      <c r="A210" s="11">
        <v>44500</v>
      </c>
      <c r="B210" s="6">
        <v>2053</v>
      </c>
      <c r="C210" s="13" t="s">
        <v>92</v>
      </c>
      <c r="D210" s="4" t="s">
        <v>85</v>
      </c>
      <c r="E210" s="28" t="s">
        <v>99</v>
      </c>
      <c r="F210" s="14">
        <v>44503</v>
      </c>
      <c r="G210" s="12" t="s">
        <v>93</v>
      </c>
      <c r="H210" s="13" t="s">
        <v>94</v>
      </c>
      <c r="I210" s="13" t="s">
        <v>10</v>
      </c>
    </row>
    <row r="211" spans="1:9" ht="15.5" x14ac:dyDescent="0.35">
      <c r="A211" s="11">
        <v>44502</v>
      </c>
      <c r="B211" s="6">
        <v>830</v>
      </c>
      <c r="C211" s="13" t="s">
        <v>170</v>
      </c>
      <c r="D211" s="13" t="s">
        <v>59</v>
      </c>
      <c r="E211" s="7" t="s">
        <v>55</v>
      </c>
      <c r="F211" s="14">
        <v>44515</v>
      </c>
      <c r="G211" s="12" t="s">
        <v>171</v>
      </c>
      <c r="H211" s="13" t="s">
        <v>172</v>
      </c>
      <c r="I211" s="13" t="s">
        <v>173</v>
      </c>
    </row>
    <row r="212" spans="1:9" ht="15.5" x14ac:dyDescent="0.35">
      <c r="A212" s="11">
        <v>44510</v>
      </c>
      <c r="B212" s="6">
        <v>1438</v>
      </c>
      <c r="C212" s="13" t="s">
        <v>86</v>
      </c>
      <c r="D212" s="13" t="s">
        <v>87</v>
      </c>
      <c r="E212" s="27" t="s">
        <v>90</v>
      </c>
      <c r="F212" s="14">
        <v>44547</v>
      </c>
      <c r="G212" s="12" t="s">
        <v>88</v>
      </c>
      <c r="H212" s="13" t="s">
        <v>89</v>
      </c>
      <c r="I212" s="13" t="s">
        <v>91</v>
      </c>
    </row>
    <row r="213" spans="1:9" ht="16.5" x14ac:dyDescent="0.45">
      <c r="A213" s="11">
        <v>44510</v>
      </c>
      <c r="B213" s="6">
        <v>134</v>
      </c>
      <c r="C213" s="13" t="s">
        <v>182</v>
      </c>
      <c r="D213" s="13" t="s">
        <v>185</v>
      </c>
      <c r="E213" s="25" t="s">
        <v>806</v>
      </c>
      <c r="F213" s="14">
        <v>44510</v>
      </c>
      <c r="G213" s="12" t="s">
        <v>183</v>
      </c>
      <c r="H213" s="13" t="s">
        <v>184</v>
      </c>
      <c r="I213" s="13" t="s">
        <v>10</v>
      </c>
    </row>
    <row r="214" spans="1:9" ht="15.5" x14ac:dyDescent="0.35">
      <c r="A214" s="11">
        <v>44513</v>
      </c>
      <c r="B214" s="12">
        <v>1817</v>
      </c>
      <c r="C214" s="13" t="s">
        <v>54</v>
      </c>
      <c r="D214" s="13" t="s">
        <v>59</v>
      </c>
      <c r="E214" s="29" t="s">
        <v>55</v>
      </c>
      <c r="F214" s="14">
        <v>44557</v>
      </c>
      <c r="G214" s="12" t="s">
        <v>56</v>
      </c>
      <c r="H214" s="13" t="s">
        <v>57</v>
      </c>
      <c r="I214" s="13" t="s">
        <v>10</v>
      </c>
    </row>
    <row r="215" spans="1:9" ht="15.5" x14ac:dyDescent="0.35">
      <c r="A215" s="11">
        <v>44513</v>
      </c>
      <c r="B215" s="6">
        <v>250</v>
      </c>
      <c r="C215" s="13" t="s">
        <v>142</v>
      </c>
      <c r="D215" s="13" t="s">
        <v>11</v>
      </c>
      <c r="E215" s="23" t="s">
        <v>75</v>
      </c>
      <c r="F215" s="14">
        <v>44573</v>
      </c>
      <c r="G215" s="12" t="s">
        <v>144</v>
      </c>
      <c r="H215" s="13" t="s">
        <v>143</v>
      </c>
      <c r="I215" s="13" t="s">
        <v>10</v>
      </c>
    </row>
    <row r="216" spans="1:9" ht="15.5" x14ac:dyDescent="0.35">
      <c r="A216" s="11">
        <v>44513</v>
      </c>
      <c r="B216" s="6">
        <v>1652</v>
      </c>
      <c r="C216" s="13" t="s">
        <v>205</v>
      </c>
      <c r="D216" s="13" t="s">
        <v>208</v>
      </c>
      <c r="E216" s="23" t="s">
        <v>21</v>
      </c>
      <c r="F216" s="14">
        <v>44515</v>
      </c>
      <c r="G216" s="12" t="s">
        <v>206</v>
      </c>
      <c r="H216" s="13" t="s">
        <v>207</v>
      </c>
      <c r="I216" s="13" t="s">
        <v>91</v>
      </c>
    </row>
    <row r="217" spans="1:9" ht="15.5" x14ac:dyDescent="0.35">
      <c r="A217" s="11">
        <v>44515</v>
      </c>
      <c r="B217" s="6">
        <v>1109</v>
      </c>
      <c r="C217" s="13" t="s">
        <v>54</v>
      </c>
      <c r="D217" s="13" t="s">
        <v>59</v>
      </c>
      <c r="E217" s="7" t="s">
        <v>55</v>
      </c>
      <c r="F217" s="14">
        <v>44529</v>
      </c>
      <c r="G217" s="12" t="s">
        <v>126</v>
      </c>
      <c r="H217" s="13" t="s">
        <v>127</v>
      </c>
      <c r="I217" s="13" t="s">
        <v>10</v>
      </c>
    </row>
    <row r="218" spans="1:9" ht="16.5" x14ac:dyDescent="0.45">
      <c r="A218" s="11">
        <v>44517</v>
      </c>
      <c r="B218" s="6">
        <v>902</v>
      </c>
      <c r="C218" s="13" t="s">
        <v>178</v>
      </c>
      <c r="D218" s="13" t="s">
        <v>179</v>
      </c>
      <c r="E218" s="25" t="s">
        <v>789</v>
      </c>
      <c r="F218" s="14">
        <v>44531</v>
      </c>
      <c r="G218" s="12" t="s">
        <v>181</v>
      </c>
      <c r="H218" s="13" t="s">
        <v>180</v>
      </c>
      <c r="I218" s="13" t="s">
        <v>10</v>
      </c>
    </row>
    <row r="219" spans="1:9" ht="16.5" x14ac:dyDescent="0.45">
      <c r="A219" s="11">
        <v>44520</v>
      </c>
      <c r="B219" s="6">
        <v>217</v>
      </c>
      <c r="C219" s="13" t="s">
        <v>122</v>
      </c>
      <c r="D219" s="13" t="s">
        <v>125</v>
      </c>
      <c r="E219" s="25" t="s">
        <v>807</v>
      </c>
      <c r="F219" s="14">
        <v>44520</v>
      </c>
      <c r="G219" s="12" t="s">
        <v>124</v>
      </c>
      <c r="H219" s="13" t="s">
        <v>123</v>
      </c>
      <c r="I219" s="13" t="s">
        <v>10</v>
      </c>
    </row>
    <row r="220" spans="1:9" ht="15.5" x14ac:dyDescent="0.35">
      <c r="A220" s="11">
        <v>44524</v>
      </c>
      <c r="B220" s="6">
        <v>38</v>
      </c>
      <c r="C220" s="13" t="s">
        <v>167</v>
      </c>
      <c r="D220" s="13" t="s">
        <v>128</v>
      </c>
      <c r="E220" s="7" t="s">
        <v>21</v>
      </c>
      <c r="F220" s="14">
        <v>44524</v>
      </c>
      <c r="G220" s="12" t="s">
        <v>168</v>
      </c>
      <c r="H220" s="13" t="s">
        <v>169</v>
      </c>
      <c r="I220" s="13" t="s">
        <v>91</v>
      </c>
    </row>
    <row r="221" spans="1:9" ht="18" x14ac:dyDescent="0.5">
      <c r="A221" s="11">
        <v>44535</v>
      </c>
      <c r="B221" s="6">
        <v>2342</v>
      </c>
      <c r="C221" s="13" t="s">
        <v>70</v>
      </c>
      <c r="D221" s="8" t="s">
        <v>74</v>
      </c>
      <c r="E221" s="7" t="s">
        <v>73</v>
      </c>
      <c r="F221" s="14">
        <v>44539</v>
      </c>
      <c r="G221" s="12" t="s">
        <v>71</v>
      </c>
      <c r="H221" s="13" t="s">
        <v>72</v>
      </c>
      <c r="I221" s="13" t="s">
        <v>10</v>
      </c>
    </row>
    <row r="222" spans="1:9" ht="15.5" x14ac:dyDescent="0.35">
      <c r="A222" s="11">
        <v>44536</v>
      </c>
      <c r="B222" s="12">
        <v>1312</v>
      </c>
      <c r="C222" s="13" t="s">
        <v>47</v>
      </c>
      <c r="D222" s="13" t="s">
        <v>49</v>
      </c>
      <c r="E222" s="27" t="s">
        <v>53</v>
      </c>
      <c r="F222" s="14">
        <v>44552</v>
      </c>
      <c r="G222" s="12" t="s">
        <v>52</v>
      </c>
      <c r="H222" s="13" t="s">
        <v>50</v>
      </c>
      <c r="I222" s="13" t="s">
        <v>10</v>
      </c>
    </row>
    <row r="223" spans="1:9" ht="15.5" x14ac:dyDescent="0.35">
      <c r="A223" s="11">
        <v>44540</v>
      </c>
      <c r="B223" s="6">
        <v>2226</v>
      </c>
      <c r="C223" s="13" t="s">
        <v>54</v>
      </c>
      <c r="D223" s="13" t="s">
        <v>59</v>
      </c>
      <c r="E223" s="29" t="s">
        <v>55</v>
      </c>
      <c r="F223" s="14">
        <v>44547</v>
      </c>
      <c r="G223" s="12" t="s">
        <v>109</v>
      </c>
      <c r="H223" s="13" t="s">
        <v>110</v>
      </c>
      <c r="I223" s="13" t="s">
        <v>10</v>
      </c>
    </row>
    <row r="224" spans="1:9" ht="15.5" x14ac:dyDescent="0.35">
      <c r="A224" s="11">
        <v>44541</v>
      </c>
      <c r="B224" s="6">
        <v>1241</v>
      </c>
      <c r="C224" s="13" t="s">
        <v>102</v>
      </c>
      <c r="D224" s="13" t="s">
        <v>145</v>
      </c>
      <c r="E224" s="30" t="s">
        <v>105</v>
      </c>
      <c r="F224" s="14">
        <v>44543</v>
      </c>
      <c r="G224" s="12" t="s">
        <v>103</v>
      </c>
      <c r="H224" s="13" t="s">
        <v>104</v>
      </c>
      <c r="I224" s="13" t="s">
        <v>10</v>
      </c>
    </row>
    <row r="225" spans="1:9" ht="15.5" x14ac:dyDescent="0.35">
      <c r="A225" s="11">
        <v>44543</v>
      </c>
      <c r="B225" s="6">
        <v>155</v>
      </c>
      <c r="C225" s="13" t="s">
        <v>149</v>
      </c>
      <c r="D225" s="13" t="s">
        <v>128</v>
      </c>
      <c r="E225" s="7" t="s">
        <v>21</v>
      </c>
      <c r="F225" s="14">
        <v>44543</v>
      </c>
      <c r="G225" s="12" t="s">
        <v>150</v>
      </c>
      <c r="H225" s="13" t="s">
        <v>151</v>
      </c>
      <c r="I225" s="13" t="s">
        <v>10</v>
      </c>
    </row>
    <row r="226" spans="1:9" ht="15.5" x14ac:dyDescent="0.35">
      <c r="A226" s="11">
        <v>44546</v>
      </c>
      <c r="B226" s="6">
        <v>1720</v>
      </c>
      <c r="C226" s="13" t="s">
        <v>35</v>
      </c>
      <c r="D226" s="13" t="s">
        <v>128</v>
      </c>
      <c r="E226" s="23" t="s">
        <v>21</v>
      </c>
      <c r="F226" s="14">
        <v>44547</v>
      </c>
      <c r="G226" s="12" t="s">
        <v>129</v>
      </c>
      <c r="H226" s="13" t="s">
        <v>130</v>
      </c>
      <c r="I226" s="13" t="s">
        <v>10</v>
      </c>
    </row>
    <row r="227" spans="1:9" ht="15.5" x14ac:dyDescent="0.35">
      <c r="A227" s="11">
        <v>44549</v>
      </c>
      <c r="B227" s="6">
        <v>2348</v>
      </c>
      <c r="C227" s="13" t="s">
        <v>131</v>
      </c>
      <c r="D227" s="13" t="s">
        <v>128</v>
      </c>
      <c r="E227" s="7" t="s">
        <v>21</v>
      </c>
      <c r="F227" s="14">
        <v>44550</v>
      </c>
      <c r="G227" s="12" t="s">
        <v>132</v>
      </c>
      <c r="H227" s="13" t="s">
        <v>133</v>
      </c>
      <c r="I227" s="13" t="s">
        <v>10</v>
      </c>
    </row>
    <row r="228" spans="1:9" ht="15.5" x14ac:dyDescent="0.35">
      <c r="A228" s="11">
        <v>44554</v>
      </c>
      <c r="B228" s="6">
        <v>257</v>
      </c>
      <c r="C228" s="13" t="s">
        <v>78</v>
      </c>
      <c r="D228" s="13" t="s">
        <v>79</v>
      </c>
      <c r="E228" s="27" t="s">
        <v>98</v>
      </c>
      <c r="F228" s="14">
        <v>44557</v>
      </c>
      <c r="G228" s="12" t="s">
        <v>81</v>
      </c>
      <c r="H228" s="13" t="s">
        <v>80</v>
      </c>
      <c r="I228" s="13" t="s">
        <v>10</v>
      </c>
    </row>
    <row r="229" spans="1:9" ht="15.5" x14ac:dyDescent="0.35">
      <c r="A229" s="11">
        <v>44556</v>
      </c>
      <c r="B229" s="6">
        <v>2302</v>
      </c>
      <c r="C229" s="13" t="s">
        <v>106</v>
      </c>
      <c r="D229" s="13" t="s">
        <v>16</v>
      </c>
      <c r="E229" s="23" t="s">
        <v>17</v>
      </c>
      <c r="F229" s="14">
        <v>44557</v>
      </c>
      <c r="G229" s="12" t="s">
        <v>107</v>
      </c>
      <c r="H229" s="13" t="s">
        <v>18</v>
      </c>
      <c r="I229" s="13" t="s">
        <v>108</v>
      </c>
    </row>
  </sheetData>
  <mergeCells count="2">
    <mergeCell ref="A1:I1"/>
    <mergeCell ref="A2:I2"/>
  </mergeCells>
  <pageMargins left="0.7" right="0.7" top="0.75" bottom="0.75" header="0.3" footer="0.3"/>
  <pageSetup scale="53" fitToHeight="0" orientation="landscape" r:id="rId1"/>
  <tableParts count="1">
    <tablePart r:id="rId2"/>
  </tablePart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Sheet1</vt:lpstr>
      <vt:lpstr>Sheet2</vt:lpstr>
      <vt:lpstr>Sheet3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s6022</cp:lastModifiedBy>
  <cp:lastPrinted>2022-03-08T18:53:21Z</cp:lastPrinted>
  <dcterms:created xsi:type="dcterms:W3CDTF">2019-04-19T17:54:25Z</dcterms:created>
  <dcterms:modified xsi:type="dcterms:W3CDTF">2022-05-02T13:39:40Z</dcterms:modified>
</cp:coreProperties>
</file>